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3\Desktop\new entrants dec 2022 regions\"/>
    </mc:Choice>
  </mc:AlternateContent>
  <bookViews>
    <workbookView xWindow="0" yWindow="0" windowWidth="24000" windowHeight="9735"/>
  </bookViews>
  <sheets>
    <sheet name="greater accra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20" uniqueCount="848">
  <si>
    <t>EMPLOYEE_NUMBER</t>
  </si>
  <si>
    <t>TITLE</t>
  </si>
  <si>
    <t>FULL_NAME</t>
  </si>
  <si>
    <t>MGT_UNIT</t>
  </si>
  <si>
    <t>JOB_NAME</t>
  </si>
  <si>
    <t>GRADE_NAME</t>
  </si>
  <si>
    <t>SSNO</t>
  </si>
  <si>
    <t>SEX</t>
  </si>
  <si>
    <t>DATE_OF_BIRTH</t>
  </si>
  <si>
    <t>START_DATE</t>
  </si>
  <si>
    <t>REGION</t>
  </si>
  <si>
    <t>DISTRICT</t>
  </si>
  <si>
    <t>ASSIGNMENT_STATUS</t>
  </si>
  <si>
    <t>Mr.</t>
  </si>
  <si>
    <t>MALE</t>
  </si>
  <si>
    <t>Waiting Biometric Registration</t>
  </si>
  <si>
    <t>.General Labourer..GES</t>
  </si>
  <si>
    <t>SS.PSL4</t>
  </si>
  <si>
    <t>Miss</t>
  </si>
  <si>
    <t>FEMALE</t>
  </si>
  <si>
    <t>Mrs.</t>
  </si>
  <si>
    <t>.Cleaner..GES</t>
  </si>
  <si>
    <t>SS.PSH3</t>
  </si>
  <si>
    <t>SS.PSL14</t>
  </si>
  <si>
    <t>Principal.Supt Professional..GES</t>
  </si>
  <si>
    <t>SS.PSH16</t>
  </si>
  <si>
    <t>Principal.Supt Non Professional..GES</t>
  </si>
  <si>
    <t>SS.PSL16</t>
  </si>
  <si>
    <t>Senior.Supt II Professional..GES</t>
  </si>
  <si>
    <t>SS.PSH14</t>
  </si>
  <si>
    <t>Principal.Administrative Officer (Base Grade)..GES</t>
  </si>
  <si>
    <t>.Administrative Officer..GES</t>
  </si>
  <si>
    <t>SS.PSL15</t>
  </si>
  <si>
    <t>Principal.Supply Officer..GES</t>
  </si>
  <si>
    <t>AMOAH, Mr. DANIEL</t>
  </si>
  <si>
    <t>Principal.Internal Auditor (Base Grade)..GES</t>
  </si>
  <si>
    <t>1203656</t>
  </si>
  <si>
    <t>MBABIL, Mr. BAMBIL MR.</t>
  </si>
  <si>
    <t>0106 Tema Snr High Sch</t>
  </si>
  <si>
    <t>C038010230184</t>
  </si>
  <si>
    <t>Greater Accra</t>
  </si>
  <si>
    <t>Tema Metropolitan Assembly</t>
  </si>
  <si>
    <t>1254981</t>
  </si>
  <si>
    <t>ASHIATEY, Miss BERNICE KORKOR</t>
  </si>
  <si>
    <t>0103 Shai Osudoku DEO</t>
  </si>
  <si>
    <t>29A18D07437</t>
  </si>
  <si>
    <t>Shai-Osudoku</t>
  </si>
  <si>
    <t>1262615</t>
  </si>
  <si>
    <t>ODAME, Mr. DAVID</t>
  </si>
  <si>
    <t>0101 Accra Metro Educ Office</t>
  </si>
  <si>
    <t>E057412180019</t>
  </si>
  <si>
    <t>Accra Metropolitan Assembly</t>
  </si>
  <si>
    <t>1528870</t>
  </si>
  <si>
    <t>PENNIE, Miss ANTHOANETTE</t>
  </si>
  <si>
    <t>0118 Ablekuma North Municipal Edu Office</t>
  </si>
  <si>
    <t>D269810060025</t>
  </si>
  <si>
    <t>Ablekuma North Municipal Assembly</t>
  </si>
  <si>
    <t>1538567</t>
  </si>
  <si>
    <t>ABUGRI, Mr. EMMANUEL</t>
  </si>
  <si>
    <t>0104 Manhean JHS (GOV)</t>
  </si>
  <si>
    <t>A099401040011</t>
  </si>
  <si>
    <t>Ga West Municipal Assembly</t>
  </si>
  <si>
    <t>1540105</t>
  </si>
  <si>
    <t>OFFEI-DANKWA, Mr. STANLEY</t>
  </si>
  <si>
    <t>0121 Ayawaso North Municipal Edu Office</t>
  </si>
  <si>
    <t>E049505260050</t>
  </si>
  <si>
    <t>Ayawaso North Municipal Assembly</t>
  </si>
  <si>
    <t>1541814</t>
  </si>
  <si>
    <t>MENSAH, Miss JULIET</t>
  </si>
  <si>
    <t>0106 St John Bosco JHS (CATH)</t>
  </si>
  <si>
    <t>A018811030048</t>
  </si>
  <si>
    <t>1541957</t>
  </si>
  <si>
    <t>ASANTE, Miss CYNTHIA OHENEWAA</t>
  </si>
  <si>
    <t>Principal.Private Secretary..GES</t>
  </si>
  <si>
    <t>C019806170481</t>
  </si>
  <si>
    <t>1543131</t>
  </si>
  <si>
    <t>DZANIE, Miss FRAUMARIEN DEI</t>
  </si>
  <si>
    <t>0117 Krowor Municipal Edu Office</t>
  </si>
  <si>
    <t>C099505030044</t>
  </si>
  <si>
    <t>Krowor Municipal Assembly</t>
  </si>
  <si>
    <t>1543941</t>
  </si>
  <si>
    <t>DANSO, Miss PRISCILLA</t>
  </si>
  <si>
    <t>0104 Odumase-Amanfro MA JHS (GOV)</t>
  </si>
  <si>
    <t>F019606240108</t>
  </si>
  <si>
    <t>1543984</t>
  </si>
  <si>
    <t>AMARTEIFIO, Miss LILY NAA AMARKAI</t>
  </si>
  <si>
    <t>0111 Presby Boys Snr High Sch Legon</t>
  </si>
  <si>
    <t>C019912170209</t>
  </si>
  <si>
    <t>La Nkwantanang-Madina Municipal Assembly</t>
  </si>
  <si>
    <t>1543989</t>
  </si>
  <si>
    <t>ELYAS, Mr. ABUBAKAR</t>
  </si>
  <si>
    <t>0101 Presby Snr High Sch Osu</t>
  </si>
  <si>
    <t>C019507210076</t>
  </si>
  <si>
    <t>1543993</t>
  </si>
  <si>
    <t>ABDUL MALIK, Miss JAMEELATU SENAM</t>
  </si>
  <si>
    <t>0116 Ningo Snr High Sch</t>
  </si>
  <si>
    <t>C019207230729</t>
  </si>
  <si>
    <t>Ningo-Prampram</t>
  </si>
  <si>
    <t>1543997</t>
  </si>
  <si>
    <t>TORGAH, Mrs. FAUSTINA ASIBI</t>
  </si>
  <si>
    <t>0113 La Wireless '2' Prim</t>
  </si>
  <si>
    <t>F019006040121</t>
  </si>
  <si>
    <t>La Dadekotopon Municipal Assembly</t>
  </si>
  <si>
    <t>1544001</t>
  </si>
  <si>
    <t>BAAKO TIEKU, Mrs. PATIENCE ADINORRIE</t>
  </si>
  <si>
    <t>0113 La Presby SHS</t>
  </si>
  <si>
    <t>C018204240681</t>
  </si>
  <si>
    <t>1544005</t>
  </si>
  <si>
    <t>GYAMFI, Mr. GILBERT YAW</t>
  </si>
  <si>
    <t>F249102020071</t>
  </si>
  <si>
    <t>1544009</t>
  </si>
  <si>
    <t>OFORI, Mr. DERRICK</t>
  </si>
  <si>
    <t>0101 Independence Avenue Girls Prim 2(GOV)</t>
  </si>
  <si>
    <t>E109205110010</t>
  </si>
  <si>
    <t>1544013</t>
  </si>
  <si>
    <t>QUARSHIE, Mr. AMOS</t>
  </si>
  <si>
    <t>0101 Accra Girls Snr High Sch</t>
  </si>
  <si>
    <t>D209501010015</t>
  </si>
  <si>
    <t>1544017</t>
  </si>
  <si>
    <t>AMOATENG, Mr. EBENEZER</t>
  </si>
  <si>
    <t>0101 Mpoasei Meth Prim (Meth)</t>
  </si>
  <si>
    <t>GHA-712569230-1</t>
  </si>
  <si>
    <t>1544021</t>
  </si>
  <si>
    <t>KORANTENG, Miss MATILDA PRECIOUS</t>
  </si>
  <si>
    <t>0101 Accra High School</t>
  </si>
  <si>
    <t>GHA-002321271-4</t>
  </si>
  <si>
    <t>1544025</t>
  </si>
  <si>
    <t>OFORI, Mr. PRINCE AGYEMANG</t>
  </si>
  <si>
    <t>0101 Accra New Town 3 Prim (GOV)</t>
  </si>
  <si>
    <t>F109308170017</t>
  </si>
  <si>
    <t>1544027</t>
  </si>
  <si>
    <t>NDEKUGRI, Mr. ISSAKA</t>
  </si>
  <si>
    <t>0105 Adenkrebi MA Basic</t>
  </si>
  <si>
    <t>J109307070050</t>
  </si>
  <si>
    <t>Ga East Municipal Assembly</t>
  </si>
  <si>
    <t>1544042</t>
  </si>
  <si>
    <t>DUTENYA, Miss IVY KLENAM</t>
  </si>
  <si>
    <t>0104 Kutunse MA 1 JHS</t>
  </si>
  <si>
    <t>C019405290343</t>
  </si>
  <si>
    <t>1544047</t>
  </si>
  <si>
    <t>COFFIE, Mrs. MAVIS</t>
  </si>
  <si>
    <t>0125 Lashibi Community Day SHS</t>
  </si>
  <si>
    <t>C019308270067</t>
  </si>
  <si>
    <t>Tema West Municipal Assembly</t>
  </si>
  <si>
    <t>1544056</t>
  </si>
  <si>
    <t>AMPOFO, Miss DORA ADOMA</t>
  </si>
  <si>
    <t>0110 Gbawe Gonse MA Basic Sch</t>
  </si>
  <si>
    <t>C017801140301</t>
  </si>
  <si>
    <t>Ga South Municipal Assembly</t>
  </si>
  <si>
    <t>1544060</t>
  </si>
  <si>
    <t>BLAY, Mrs. PATIENCE</t>
  </si>
  <si>
    <t>0106 Tema Manhean Snr High Tech Sch</t>
  </si>
  <si>
    <t>A169610240047</t>
  </si>
  <si>
    <t>1544067</t>
  </si>
  <si>
    <t>SORGHO, Miss CECILIA</t>
  </si>
  <si>
    <t>0101 Gbegbe Yise Prim (GOV)</t>
  </si>
  <si>
    <t>C019105150847</t>
  </si>
  <si>
    <t>1544072</t>
  </si>
  <si>
    <t>ASSOPIAH, Mr. BENJAMIN</t>
  </si>
  <si>
    <t>0103 Osudoku Snr High Tech Sch</t>
  </si>
  <si>
    <t>B119310210012</t>
  </si>
  <si>
    <t>1544209</t>
  </si>
  <si>
    <t>FRIMPONG, Miss MARTHA MANSO</t>
  </si>
  <si>
    <t>0119 Dansoman '6' Basic Sch</t>
  </si>
  <si>
    <t>F038603080043</t>
  </si>
  <si>
    <t>Ablekuma West Municipal Assembly</t>
  </si>
  <si>
    <t>1544215</t>
  </si>
  <si>
    <t>OWUSU-ANSAH, Miss PORTIA SERWAA</t>
  </si>
  <si>
    <t>GHA-002511526-8</t>
  </si>
  <si>
    <t>1544247</t>
  </si>
  <si>
    <t>TENADU, Mr. COLLINS</t>
  </si>
  <si>
    <t>B179611040052</t>
  </si>
  <si>
    <t>1544255</t>
  </si>
  <si>
    <t>KODUAH, Mr. PRINCE</t>
  </si>
  <si>
    <t>0113 St Thomas Aquinas Snr High Sch</t>
  </si>
  <si>
    <t>F039301130016</t>
  </si>
  <si>
    <t>1544259</t>
  </si>
  <si>
    <t>BATSA, Mr. RAPHAEL</t>
  </si>
  <si>
    <t>0113 Forces 'A' &amp; 'B' Prim &amp; JHS</t>
  </si>
  <si>
    <t>E159309050057</t>
  </si>
  <si>
    <t>1544262</t>
  </si>
  <si>
    <t>ENNIN, Miss SABINA</t>
  </si>
  <si>
    <t>0101 Maccarthy Hill Prim</t>
  </si>
  <si>
    <t>B028709020024</t>
  </si>
  <si>
    <t>1544263</t>
  </si>
  <si>
    <t>TETTEH, Miss HANNAH MANNAH</t>
  </si>
  <si>
    <t>0104 Nsakina MA Prim (GOV)</t>
  </si>
  <si>
    <t>C048911160066</t>
  </si>
  <si>
    <t>1544266</t>
  </si>
  <si>
    <t>AHELEGBEY, Miss STELLA</t>
  </si>
  <si>
    <t>E159409180049</t>
  </si>
  <si>
    <t>1544270</t>
  </si>
  <si>
    <t>0104 Amasaman MA Prim B (GOV)</t>
  </si>
  <si>
    <t>C019105170193</t>
  </si>
  <si>
    <t>1544277</t>
  </si>
  <si>
    <t>AMADI, Miss YEBOAA ABENA</t>
  </si>
  <si>
    <t>0101 Accra Academy</t>
  </si>
  <si>
    <t>F219604020027</t>
  </si>
  <si>
    <t>1544280</t>
  </si>
  <si>
    <t>YEBOAH, Mr. DESMOND ADU</t>
  </si>
  <si>
    <t>0101 St Margaret Mary Snr High Sch</t>
  </si>
  <si>
    <t>F189510160013</t>
  </si>
  <si>
    <t>1544285</t>
  </si>
  <si>
    <t>ABBEY, Mr. GEORGE NII</t>
  </si>
  <si>
    <t>C088604220039</t>
  </si>
  <si>
    <t>1544286</t>
  </si>
  <si>
    <t>DEDAA, Miss REGINA</t>
  </si>
  <si>
    <t>E108504200045</t>
  </si>
  <si>
    <t>1544289</t>
  </si>
  <si>
    <t>PASENAA, Miss HABIBA MISS</t>
  </si>
  <si>
    <t>0107 Ogbojo Presby Basic Sch</t>
  </si>
  <si>
    <t>C019209010320</t>
  </si>
  <si>
    <t>Adenta Municipal Assembly</t>
  </si>
  <si>
    <t>1544290</t>
  </si>
  <si>
    <t>AYUBA, Miss FAUZIA</t>
  </si>
  <si>
    <t>G089603310041</t>
  </si>
  <si>
    <t>1544293</t>
  </si>
  <si>
    <t>ADJEI, Miss CHRISTOPEACE</t>
  </si>
  <si>
    <t>0101 Achimota Snr High Sch</t>
  </si>
  <si>
    <t>F018803060500</t>
  </si>
  <si>
    <t>1544295</t>
  </si>
  <si>
    <t>ARTHUR, Mrs. JULIA JOSEPHINE</t>
  </si>
  <si>
    <t>0101 Achimota Ang JHS (ANG)</t>
  </si>
  <si>
    <t>B018507170068</t>
  </si>
  <si>
    <t>1544299</t>
  </si>
  <si>
    <t>AMOAH, Miss BENEDICTA</t>
  </si>
  <si>
    <t>0101 La-Bawaleshie Presby B Prim (PRESBY)</t>
  </si>
  <si>
    <t>GHA-006967992-6</t>
  </si>
  <si>
    <t>1544305</t>
  </si>
  <si>
    <t>BAAH, Miss ERNESTINA</t>
  </si>
  <si>
    <t>0101 Dan Boi JHS (GOV)</t>
  </si>
  <si>
    <t>E219301050043</t>
  </si>
  <si>
    <t>1544306</t>
  </si>
  <si>
    <t>NUWORKU, Mr. MATHIAS YAO</t>
  </si>
  <si>
    <t>D199204210016</t>
  </si>
  <si>
    <t>1544316</t>
  </si>
  <si>
    <t>AGYEMAN, Mrs. PATRICIA FREDUA</t>
  </si>
  <si>
    <t>0107 Christ Faith Mission Prim 1</t>
  </si>
  <si>
    <t>E107510180029</t>
  </si>
  <si>
    <t>1544318</t>
  </si>
  <si>
    <t>OKAE - AMANTUO, Mr. CHRISTIAN</t>
  </si>
  <si>
    <t>0107 Frafraha Community SHS</t>
  </si>
  <si>
    <t>A068904170077</t>
  </si>
  <si>
    <t>1544319</t>
  </si>
  <si>
    <t>ROCKSON, Mrs. JENNIFER</t>
  </si>
  <si>
    <t>0107 Adjiringanor DA Prim (GOV)</t>
  </si>
  <si>
    <t>E019411280026</t>
  </si>
  <si>
    <t>1544323</t>
  </si>
  <si>
    <t>SALIFU, Mrs. ABIBATU</t>
  </si>
  <si>
    <t>0107 Sowah Din Memoral JHS '2'</t>
  </si>
  <si>
    <t>B108903220024</t>
  </si>
  <si>
    <t>1544325</t>
  </si>
  <si>
    <t>OPARE, Miss ESTHER OYE</t>
  </si>
  <si>
    <t>0108 Ashaiman Senior  Secondary  School</t>
  </si>
  <si>
    <t>C018805110708</t>
  </si>
  <si>
    <t>Ashaiman Municipal Assembly</t>
  </si>
  <si>
    <t>1544327</t>
  </si>
  <si>
    <t>APPIAH, Mr. CLEMENT</t>
  </si>
  <si>
    <t>0104 Amamorley Methodist JHS (METH)</t>
  </si>
  <si>
    <t>E079303100011</t>
  </si>
  <si>
    <t>1544331</t>
  </si>
  <si>
    <t>TEFFUTOR, Miss HINDU ADAM</t>
  </si>
  <si>
    <t>0107 Abubakar KG / Prim and JHS</t>
  </si>
  <si>
    <t>D018311080122</t>
  </si>
  <si>
    <t>1544339</t>
  </si>
  <si>
    <t>MUHAMMED, Mrs. RAMATU</t>
  </si>
  <si>
    <t>0110 Gbawe Meth 1 Prim (METH)</t>
  </si>
  <si>
    <t>C019311300127</t>
  </si>
  <si>
    <t>1544344</t>
  </si>
  <si>
    <t>OKAI, Mr. EBENEZER KORANTENG</t>
  </si>
  <si>
    <t>C019212311115</t>
  </si>
  <si>
    <t>La Dadekotopon</t>
  </si>
  <si>
    <t>1544347</t>
  </si>
  <si>
    <t>GAMOR, Mr. SAMUEL KWASI</t>
  </si>
  <si>
    <t>0101 Kpehe RC Prim (CATH)</t>
  </si>
  <si>
    <t>A018709130052</t>
  </si>
  <si>
    <t>1544348</t>
  </si>
  <si>
    <t>ARTHUR, Mr. BENEDICT KWAKU</t>
  </si>
  <si>
    <t>B118901120036</t>
  </si>
  <si>
    <t>1544356</t>
  </si>
  <si>
    <t>ANINIWAA, Miss COMFORT</t>
  </si>
  <si>
    <t>0107 Adjiringanor DA JHS (GOV)</t>
  </si>
  <si>
    <t>E019103310023</t>
  </si>
  <si>
    <t>1544362</t>
  </si>
  <si>
    <t>AGBEZUGE, Mrs. SAVIOUR AMA</t>
  </si>
  <si>
    <t>0103 Ada-Dorpe DA Prim (GOV)</t>
  </si>
  <si>
    <t>G019007220049</t>
  </si>
  <si>
    <t>1544368</t>
  </si>
  <si>
    <t>AGYARE, Mr. KINGSFORD OKYERE</t>
  </si>
  <si>
    <t>0103 Ghanata Snr High Sch</t>
  </si>
  <si>
    <t>C019304260111</t>
  </si>
  <si>
    <t>1544377</t>
  </si>
  <si>
    <t>TORGBOR, Mr. SAMUEL OHENE</t>
  </si>
  <si>
    <t>0106 Manhean Meth DA Prim A (METH)</t>
  </si>
  <si>
    <t>C038812250130</t>
  </si>
  <si>
    <t>1544384</t>
  </si>
  <si>
    <t>AGYEMANG, Miss REGINA</t>
  </si>
  <si>
    <t>0113 Dade-Kotopon Municipal Educ. Office</t>
  </si>
  <si>
    <t>F019505090069</t>
  </si>
  <si>
    <t>1544389</t>
  </si>
  <si>
    <t>ADJEI, Mr. SAMUEL</t>
  </si>
  <si>
    <t>F249107120015</t>
  </si>
  <si>
    <t>1544392</t>
  </si>
  <si>
    <t>QUARTEY, Mr. ENOCH NII- BOI</t>
  </si>
  <si>
    <t>0104 Amasaman MA 2 JHS</t>
  </si>
  <si>
    <t>C0187110701790</t>
  </si>
  <si>
    <t>1544398</t>
  </si>
  <si>
    <t>LAMPTEY, Mr. MATHIAS ODARTEY</t>
  </si>
  <si>
    <t>0102 Ada Tech Institute</t>
  </si>
  <si>
    <t>E019312170092</t>
  </si>
  <si>
    <t>Ada East</t>
  </si>
  <si>
    <t>1544623</t>
  </si>
  <si>
    <t>NTIBREY, Miss PERPETUAL AFUA</t>
  </si>
  <si>
    <t>D019006290061</t>
  </si>
  <si>
    <t>1544624</t>
  </si>
  <si>
    <t>GYAMFI, Miss DEBORAH</t>
  </si>
  <si>
    <t>E108812240026</t>
  </si>
  <si>
    <t>1544625</t>
  </si>
  <si>
    <t>ASANTE, Mr. CHRISTIAN FREMPONG</t>
  </si>
  <si>
    <t>0106 St John Bosco R/C prim</t>
  </si>
  <si>
    <t>E078811030019</t>
  </si>
  <si>
    <t>1544628</t>
  </si>
  <si>
    <t>BIMPONG, Miss FAUSTINA</t>
  </si>
  <si>
    <t>0103 Huapa Prim (GOV)</t>
  </si>
  <si>
    <t>B049009190028</t>
  </si>
  <si>
    <t>1544630</t>
  </si>
  <si>
    <t>NICHOLAS, Mr. OFORI</t>
  </si>
  <si>
    <t>E059608170012</t>
  </si>
  <si>
    <t>1544631</t>
  </si>
  <si>
    <t>TEFUTTOR, Miss GRACE</t>
  </si>
  <si>
    <t>0114 Ada Snr High Tech Sch</t>
  </si>
  <si>
    <t>D219308170028</t>
  </si>
  <si>
    <t>Ada West</t>
  </si>
  <si>
    <t>1544633</t>
  </si>
  <si>
    <t>BONKU, Miss PRISCILLA</t>
  </si>
  <si>
    <t>C108709260042</t>
  </si>
  <si>
    <t>1544634</t>
  </si>
  <si>
    <t>APAFLO, Mr. WISDOM</t>
  </si>
  <si>
    <t>C059008020012</t>
  </si>
  <si>
    <t>1544636</t>
  </si>
  <si>
    <t>SERWAAH, Miss THERESAH ADWOA</t>
  </si>
  <si>
    <t>F019401100087</t>
  </si>
  <si>
    <t>1544637</t>
  </si>
  <si>
    <t>ADU POKU, Mr. GODWIN</t>
  </si>
  <si>
    <t>G278911030011</t>
  </si>
  <si>
    <t>1544639</t>
  </si>
  <si>
    <t>ANNAN, Miss MILLICENT KONADU</t>
  </si>
  <si>
    <t>F069512190045</t>
  </si>
  <si>
    <t>1544640</t>
  </si>
  <si>
    <t>AKWEI, Mr. JOSEPH KWABENA</t>
  </si>
  <si>
    <t>0102 Ada Snr High Sch</t>
  </si>
  <si>
    <t>C179404050011</t>
  </si>
  <si>
    <t>1544641</t>
  </si>
  <si>
    <t>NTIRIWAA, Miss SUSANA</t>
  </si>
  <si>
    <t>F019101050163</t>
  </si>
  <si>
    <t>1544642</t>
  </si>
  <si>
    <t>ASUBONTENG, Mr. PATRICK</t>
  </si>
  <si>
    <t>0101 Labone Snr High School</t>
  </si>
  <si>
    <t>B069201170011</t>
  </si>
  <si>
    <t>1544645</t>
  </si>
  <si>
    <t>NYARKO, Mr. PAUL</t>
  </si>
  <si>
    <t>0113 Labone SHS</t>
  </si>
  <si>
    <t>GHA7132292406</t>
  </si>
  <si>
    <t>1544646</t>
  </si>
  <si>
    <t>ASARE, Mr. ISAAC</t>
  </si>
  <si>
    <t>0113 La Bethel Presby Prim &amp; JHS</t>
  </si>
  <si>
    <t>E179308310015</t>
  </si>
  <si>
    <t>1544648</t>
  </si>
  <si>
    <t>AMANOR, Mr. BLESSED TETTEH</t>
  </si>
  <si>
    <t>E159103020015</t>
  </si>
  <si>
    <t>1544649</t>
  </si>
  <si>
    <t>ANTWI, Miss ELIZABETH OWUSUAA</t>
  </si>
  <si>
    <t>0124 Okaikwei North Municipal Edu Office</t>
  </si>
  <si>
    <t>C018807270407</t>
  </si>
  <si>
    <t>Okaikwei North Municipal Assembly</t>
  </si>
  <si>
    <t>1544650</t>
  </si>
  <si>
    <t>ADEJEI, Mr. PAUL</t>
  </si>
  <si>
    <t>G179306300035</t>
  </si>
  <si>
    <t>1544652</t>
  </si>
  <si>
    <t>BOAKYE, Mr. ENOCK YIADOM</t>
  </si>
  <si>
    <t>0101 Achimota Prim (GOV)</t>
  </si>
  <si>
    <t>C019302020214</t>
  </si>
  <si>
    <t>1544654</t>
  </si>
  <si>
    <t>AMISSAH, Mrs. SYLVIA</t>
  </si>
  <si>
    <t>C019304060783</t>
  </si>
  <si>
    <t>1544655</t>
  </si>
  <si>
    <t>SAPIN, Miss MARGARET</t>
  </si>
  <si>
    <t>G299309040048</t>
  </si>
  <si>
    <t>1544656</t>
  </si>
  <si>
    <t>ANNERTEY, Miss PRISCILLA DJAGBLEY</t>
  </si>
  <si>
    <t>0106 Manhean Presby Prim B</t>
  </si>
  <si>
    <t>C108708130042</t>
  </si>
  <si>
    <t>1544658</t>
  </si>
  <si>
    <t>FENNING, Miss TOMO NYARKO</t>
  </si>
  <si>
    <t>C019204090020</t>
  </si>
  <si>
    <t>1544659</t>
  </si>
  <si>
    <t>ANING, Mr. FRANKIE</t>
  </si>
  <si>
    <t>0104 Ga West MEO</t>
  </si>
  <si>
    <t>L289202120014</t>
  </si>
  <si>
    <t>1544660</t>
  </si>
  <si>
    <t>DUODU, Miss ERNESTINA AMANKWA</t>
  </si>
  <si>
    <t>B089610040026</t>
  </si>
  <si>
    <t>1544663</t>
  </si>
  <si>
    <t>ADEPO, Miss YVONNE</t>
  </si>
  <si>
    <t>0101 Gray Memorial Prim 1 (GOV)</t>
  </si>
  <si>
    <t>C019405130105</t>
  </si>
  <si>
    <t>1544665</t>
  </si>
  <si>
    <t>ASAMOAH, Mr. NANA FRIMPONG</t>
  </si>
  <si>
    <t>0104 St John Grammar Sch</t>
  </si>
  <si>
    <t>F019005270277</t>
  </si>
  <si>
    <t>1544667</t>
  </si>
  <si>
    <t>ALLOTEY, Mr. SAMUEL</t>
  </si>
  <si>
    <t>0113 1st Signal Regiment 'A' &amp; 'B' JHS</t>
  </si>
  <si>
    <t>B089511280016</t>
  </si>
  <si>
    <t>1544668</t>
  </si>
  <si>
    <t>AGYIN, Mrs. LYDIA</t>
  </si>
  <si>
    <t>0106 Our Lady of Mercy SHS</t>
  </si>
  <si>
    <t>F179305170027</t>
  </si>
  <si>
    <t>1544669</t>
  </si>
  <si>
    <t>GYAMPAH, Mr. CHARLES</t>
  </si>
  <si>
    <t>0104 Adjen Kotoku Senior High Sch</t>
  </si>
  <si>
    <t>E079205070112</t>
  </si>
  <si>
    <t>1544671</t>
  </si>
  <si>
    <t>USMAN, Mr. MOAHMMED</t>
  </si>
  <si>
    <t>0101 Institute Of Islamic Studies JSS (ISL)</t>
  </si>
  <si>
    <t>B088603060018</t>
  </si>
  <si>
    <t>1544672</t>
  </si>
  <si>
    <t>ANATU, Mr. MICHAEL</t>
  </si>
  <si>
    <t>0104 Opah MA Prim (GOV)</t>
  </si>
  <si>
    <t>H278904240010</t>
  </si>
  <si>
    <t>1544673</t>
  </si>
  <si>
    <t>OPPOND, Mr. VINCENT</t>
  </si>
  <si>
    <t>0109 Teshie Camp 1 Prim</t>
  </si>
  <si>
    <t>A149208260013</t>
  </si>
  <si>
    <t>Ledzokuku Municipal Assembly</t>
  </si>
  <si>
    <t>1544674</t>
  </si>
  <si>
    <t>ESSOUN, Mr. FRANCIS</t>
  </si>
  <si>
    <t>B029106120030</t>
  </si>
  <si>
    <t>1544675</t>
  </si>
  <si>
    <t>AKOMEA, Mr. MICHAEL</t>
  </si>
  <si>
    <t>C018905160518</t>
  </si>
  <si>
    <t>1544676</t>
  </si>
  <si>
    <t>OPOKU-MENSAH, Mr. ABDULLAH</t>
  </si>
  <si>
    <t>F019011050217</t>
  </si>
  <si>
    <t>1544677</t>
  </si>
  <si>
    <t>POAKWA, Mr. ASARE</t>
  </si>
  <si>
    <t>0113 La Wireless '1' &amp; '5' Prim</t>
  </si>
  <si>
    <t>E019206270013</t>
  </si>
  <si>
    <t>1544678</t>
  </si>
  <si>
    <t>BROWN, Mr. HENRY ESSUMANG</t>
  </si>
  <si>
    <t>E019107190074</t>
  </si>
  <si>
    <t>1544681</t>
  </si>
  <si>
    <t>OFFEH, Mr. EMMANUEL</t>
  </si>
  <si>
    <t>F159212130037</t>
  </si>
  <si>
    <t>1544682</t>
  </si>
  <si>
    <t>MENSAH, Mr. ALEXANDER</t>
  </si>
  <si>
    <t>0101 Accra Technical Training Centre</t>
  </si>
  <si>
    <t>B069409080019</t>
  </si>
  <si>
    <t>1544683</t>
  </si>
  <si>
    <t>ASAMOAH, Mr. DANIEL</t>
  </si>
  <si>
    <t>0105 Kwabenya Atomic MA 2 Basic</t>
  </si>
  <si>
    <t>E068704290013</t>
  </si>
  <si>
    <t>1544684</t>
  </si>
  <si>
    <t>ASSINOR, Mr. FREDERICK</t>
  </si>
  <si>
    <t>0105 Ashongman MA 3 Basic</t>
  </si>
  <si>
    <t>E149307010035</t>
  </si>
  <si>
    <t>1544685</t>
  </si>
  <si>
    <t>HARUNA, Miss RUKIA</t>
  </si>
  <si>
    <t>0110 Domiabra Meth 1 Basic Sch</t>
  </si>
  <si>
    <t>C039410220022</t>
  </si>
  <si>
    <t>1544687</t>
  </si>
  <si>
    <t>OHENE, Miss JULIET</t>
  </si>
  <si>
    <t>0105 Taifa Community 1 Basic</t>
  </si>
  <si>
    <t>C018304160480</t>
  </si>
  <si>
    <t>1544691</t>
  </si>
  <si>
    <t>BAIDEN, Mr. BENJAMIN</t>
  </si>
  <si>
    <t>C018508220377</t>
  </si>
  <si>
    <t>1544692</t>
  </si>
  <si>
    <t>YAHAYA, Mr. ABUBAKARI</t>
  </si>
  <si>
    <t>F019012040030</t>
  </si>
  <si>
    <t>1544696</t>
  </si>
  <si>
    <t>MANU, Mr. SIMON</t>
  </si>
  <si>
    <t>F098007130017</t>
  </si>
  <si>
    <t>1544698</t>
  </si>
  <si>
    <t>AIDOO, Mr. EBENEZER</t>
  </si>
  <si>
    <t>0103 Tokpe RC Prim (CATH)</t>
  </si>
  <si>
    <t>B119411210018</t>
  </si>
  <si>
    <t>1544701</t>
  </si>
  <si>
    <t>ARYEH, Mrs. DINAH MANKOSAH</t>
  </si>
  <si>
    <t>0101 Richard Akwei Prim A(GOV)</t>
  </si>
  <si>
    <t>C018202190060</t>
  </si>
  <si>
    <t>1544705</t>
  </si>
  <si>
    <t>MAMMAH, Mr. JOEL MARTEL</t>
  </si>
  <si>
    <t>C018911180077</t>
  </si>
  <si>
    <t>1544707</t>
  </si>
  <si>
    <t>ASARE, Mr. MAXWELL ODURO</t>
  </si>
  <si>
    <t>0104 Amasaman MA Prim A (GOV)</t>
  </si>
  <si>
    <t>A019005210011</t>
  </si>
  <si>
    <t>1544709</t>
  </si>
  <si>
    <t>ACQUAH, Mr. GODFRED</t>
  </si>
  <si>
    <t>A179307300054</t>
  </si>
  <si>
    <t>1544711</t>
  </si>
  <si>
    <t>KESSE, Miss FLORA OWUSUAA</t>
  </si>
  <si>
    <t>0101 St Mary Snr High Sch</t>
  </si>
  <si>
    <t>C018911140441</t>
  </si>
  <si>
    <t>1544713</t>
  </si>
  <si>
    <t>TWUM, Mrs. JOYCELYN</t>
  </si>
  <si>
    <t>F019209090264</t>
  </si>
  <si>
    <t>1544715</t>
  </si>
  <si>
    <t>COFIE, Miss JULIANA</t>
  </si>
  <si>
    <t>0101 Mamprobi South 3 Prim (GOV)</t>
  </si>
  <si>
    <t>C017101180067</t>
  </si>
  <si>
    <t>1544716</t>
  </si>
  <si>
    <t>OWUSU, Mr. NATHANIEL KWARTENG</t>
  </si>
  <si>
    <t>0101 Kaneshie JHS 1 (GOV)</t>
  </si>
  <si>
    <t>A199207220059</t>
  </si>
  <si>
    <t>1544892</t>
  </si>
  <si>
    <t>AZAARE, Miss RUBY MABUNE</t>
  </si>
  <si>
    <t>0106 Kotobabi no. 2 TMA Prim B</t>
  </si>
  <si>
    <t>C099005080044</t>
  </si>
  <si>
    <t>1544894</t>
  </si>
  <si>
    <t>ACQUAH, Mr. ALBERT SAFO</t>
  </si>
  <si>
    <t>0123 Ga North Municipal Edu Office</t>
  </si>
  <si>
    <t>C019703250474</t>
  </si>
  <si>
    <t>Ga North Municipal Assembly</t>
  </si>
  <si>
    <t>1544899</t>
  </si>
  <si>
    <t>TEYE-BANI, Mr. DENNIS</t>
  </si>
  <si>
    <t>GHA-713179463-7</t>
  </si>
  <si>
    <t>1544907</t>
  </si>
  <si>
    <t>OPOKU, Miss ESTHER NANA AMA</t>
  </si>
  <si>
    <t>0107 Bethel Presby JHS (PRESBY)</t>
  </si>
  <si>
    <t>C019206130161</t>
  </si>
  <si>
    <t>1544918</t>
  </si>
  <si>
    <t>KANGAH, Miss BERNICE AKOSUA</t>
  </si>
  <si>
    <t>0107 St Francis RC Prim(CATH)</t>
  </si>
  <si>
    <t>1544925</t>
  </si>
  <si>
    <t>ASANTE, Mr. FOSTER</t>
  </si>
  <si>
    <t>E279101150016</t>
  </si>
  <si>
    <t>1544957</t>
  </si>
  <si>
    <t>BONDAH, Mr. ALBERT</t>
  </si>
  <si>
    <t>0101 Kanda Estate Prim 5 (GOV)</t>
  </si>
  <si>
    <t>B059211130011</t>
  </si>
  <si>
    <t>1544984</t>
  </si>
  <si>
    <t>ASAMEDU, Miss VERONICA</t>
  </si>
  <si>
    <t>0110 Ngleshie Amanfro Sen High Sch</t>
  </si>
  <si>
    <t>H098810110023</t>
  </si>
  <si>
    <t>1545009</t>
  </si>
  <si>
    <t>KONUAH, Mrs. FELICIA ABABIO</t>
  </si>
  <si>
    <t>0115 Kpone Katamanso Community SHS</t>
  </si>
  <si>
    <t>C017304260060</t>
  </si>
  <si>
    <t>Kpone Katamanso Municipal Assembly</t>
  </si>
  <si>
    <t>1545068</t>
  </si>
  <si>
    <t>ABDULAI, Mr. ABDUL-JAMAL</t>
  </si>
  <si>
    <t>H329803030017</t>
  </si>
  <si>
    <t>1545337</t>
  </si>
  <si>
    <t>OKRAKU, Mr. EMMANUEL ADU</t>
  </si>
  <si>
    <t>E028907240012</t>
  </si>
  <si>
    <t>1545360</t>
  </si>
  <si>
    <t>ADJEI, Miss FREDA</t>
  </si>
  <si>
    <t>0108 Ashaiman Snr High Sch</t>
  </si>
  <si>
    <t>F0191031800224</t>
  </si>
  <si>
    <t>1545364</t>
  </si>
  <si>
    <t>ABDULLAH, Miss FATIMAH BOLI</t>
  </si>
  <si>
    <t>0110 Bokemi MA Basic Sch</t>
  </si>
  <si>
    <t>C029210270027</t>
  </si>
  <si>
    <t>1545366</t>
  </si>
  <si>
    <t>AMADU, Mr. ISSAH</t>
  </si>
  <si>
    <t>F018911250253</t>
  </si>
  <si>
    <t>1545392</t>
  </si>
  <si>
    <t>OFORI, Mr. ALFRED</t>
  </si>
  <si>
    <t>D068302190010</t>
  </si>
  <si>
    <t>1545432</t>
  </si>
  <si>
    <t>KPIENAAN, Miss FAIZA SEIDU</t>
  </si>
  <si>
    <t>0112 Odorgonno Senior High Sch</t>
  </si>
  <si>
    <t>K019610070044</t>
  </si>
  <si>
    <t>Ga Central Municipal Assembly</t>
  </si>
  <si>
    <t>1545524</t>
  </si>
  <si>
    <t>TORVOR, Mr. ISAAC</t>
  </si>
  <si>
    <t>0107 Adenta Muni Educ Office</t>
  </si>
  <si>
    <t>D108702250010</t>
  </si>
  <si>
    <t>1545986</t>
  </si>
  <si>
    <t>NUMO, Miss SOPHIA MAAMLE</t>
  </si>
  <si>
    <t>0114 Wokumagbe DA Basic</t>
  </si>
  <si>
    <t>C059505230022</t>
  </si>
  <si>
    <t>1545988</t>
  </si>
  <si>
    <t>TAY, Mr. BRIGHT</t>
  </si>
  <si>
    <t>D019605190034</t>
  </si>
  <si>
    <t>1545991</t>
  </si>
  <si>
    <t>OBENG, Miss OPHELIA</t>
  </si>
  <si>
    <t>0101 Nima Ama 2 JHS (GOV)</t>
  </si>
  <si>
    <t>E078509160020</t>
  </si>
  <si>
    <t>1546008</t>
  </si>
  <si>
    <t>GORMAN, Mr. USMAN</t>
  </si>
  <si>
    <t>GHA-714708915-2</t>
  </si>
  <si>
    <t>1546009</t>
  </si>
  <si>
    <t>OKANG, Mr. DANIEL ADJETEY</t>
  </si>
  <si>
    <t>0106 Kotobabi No. 2 TMA JHS</t>
  </si>
  <si>
    <t>C010001120130</t>
  </si>
  <si>
    <t>1546026</t>
  </si>
  <si>
    <t>DARKO, Mr. HAYFORD OBENG</t>
  </si>
  <si>
    <t>C019405290593</t>
  </si>
  <si>
    <t>1546029</t>
  </si>
  <si>
    <t>ASANTE, Miss NAOMI</t>
  </si>
  <si>
    <t>0105 Kwabenya Atomic MA 1 Basic</t>
  </si>
  <si>
    <t>B039008300029</t>
  </si>
  <si>
    <t>1546032</t>
  </si>
  <si>
    <t>BOAKYE, Mr. ALEX OTENG</t>
  </si>
  <si>
    <t>C0190122604050</t>
  </si>
  <si>
    <t>1546035</t>
  </si>
  <si>
    <t>BOAKYE, Mr. PRINCE AGYEMANG</t>
  </si>
  <si>
    <t>0101 Accra College of Education Demonstration Sch</t>
  </si>
  <si>
    <t>F018911140293</t>
  </si>
  <si>
    <t>1546037</t>
  </si>
  <si>
    <t>ASIEDU, Mr. BERNARD DARKO</t>
  </si>
  <si>
    <t>0101 St Georges Ang Prim</t>
  </si>
  <si>
    <t>E109003110019</t>
  </si>
  <si>
    <t>1546040</t>
  </si>
  <si>
    <t>ABANKWA I, Mr. MICHAEL ANTWI</t>
  </si>
  <si>
    <t>C019710060497</t>
  </si>
  <si>
    <t>1546044</t>
  </si>
  <si>
    <t>NYARKO, Mr. RICHARD NANA</t>
  </si>
  <si>
    <t>C019010010091</t>
  </si>
  <si>
    <t>1546048</t>
  </si>
  <si>
    <t>TENKORANG, Miss BERTHA</t>
  </si>
  <si>
    <t>E068010020021</t>
  </si>
  <si>
    <t>1546050</t>
  </si>
  <si>
    <t>ELIAS, Mr. ABUBAKAR</t>
  </si>
  <si>
    <t>E049402120032</t>
  </si>
  <si>
    <t>1546059</t>
  </si>
  <si>
    <t>AGBENYO, Mr. BRIGHT KWEKU</t>
  </si>
  <si>
    <t>0101 Abeka Prim 2 (GOV)</t>
  </si>
  <si>
    <t>C019509040014</t>
  </si>
  <si>
    <t>1546063</t>
  </si>
  <si>
    <t>ADOFO, Mr. PHILIP YAW SASU</t>
  </si>
  <si>
    <t>C019109190538</t>
  </si>
  <si>
    <t>1546079</t>
  </si>
  <si>
    <t>OKANG, Miss MARY ADJELEY</t>
  </si>
  <si>
    <t>0101 BOD A Prim (A/FORCES)</t>
  </si>
  <si>
    <t>C019009290067</t>
  </si>
  <si>
    <t>1546085</t>
  </si>
  <si>
    <t>TETTEH, Mr. BENJAMIN KOJO</t>
  </si>
  <si>
    <t>0113 Armed Forces Senior High &amp; Tech Sch</t>
  </si>
  <si>
    <t>C019504170614</t>
  </si>
  <si>
    <t>1546089</t>
  </si>
  <si>
    <t>BOTCHWAY, Mr. CHRISTOPHER</t>
  </si>
  <si>
    <t>0106 Manhean   Ang  C  Prim   (ANG)</t>
  </si>
  <si>
    <t>B118901280014</t>
  </si>
  <si>
    <t>1546093</t>
  </si>
  <si>
    <t>BLANKSON, Mrs. JANE PEARL</t>
  </si>
  <si>
    <t>0106 Tema Meth Day SHS</t>
  </si>
  <si>
    <t>A018612090047</t>
  </si>
  <si>
    <t>1546094</t>
  </si>
  <si>
    <t>QUAYEFIO, Mr. ENOCH NII</t>
  </si>
  <si>
    <t>B118706020012</t>
  </si>
  <si>
    <t>1546098</t>
  </si>
  <si>
    <t>BOYE, Miss HENRIETTA NAA MERLEY</t>
  </si>
  <si>
    <t>0101 Holy Trinity Cath Snr High Sch</t>
  </si>
  <si>
    <t>C019208010402</t>
  </si>
  <si>
    <t>1546101</t>
  </si>
  <si>
    <t>ANIEWU, Mr. SAMUEL</t>
  </si>
  <si>
    <t>D048312010012</t>
  </si>
  <si>
    <t>1546103</t>
  </si>
  <si>
    <t>WEMEGAH, Mr. DANIEL MENSAH KWASHIE</t>
  </si>
  <si>
    <t>0115 Kpone Bawaleshie Presby Prim</t>
  </si>
  <si>
    <t>D117802280039</t>
  </si>
  <si>
    <t>1546108</t>
  </si>
  <si>
    <t>DJOKOTO, Mr. EDEM ATSU</t>
  </si>
  <si>
    <t>C018403140010</t>
  </si>
  <si>
    <t>1546111</t>
  </si>
  <si>
    <t>NKETIA, Miss THEODORA AMO</t>
  </si>
  <si>
    <t>E129101080022</t>
  </si>
  <si>
    <t>1546117</t>
  </si>
  <si>
    <t>BAKUMA, Mr. LUCKY RANDOLF</t>
  </si>
  <si>
    <t>C019002010258</t>
  </si>
  <si>
    <t>1546122</t>
  </si>
  <si>
    <t>QUAYE, Miss REBECCA</t>
  </si>
  <si>
    <t>0109 Teshie Presby Prim A</t>
  </si>
  <si>
    <t>C018610240108</t>
  </si>
  <si>
    <t>1546124</t>
  </si>
  <si>
    <t>WENYA, Mr. GIDEON EVANS</t>
  </si>
  <si>
    <t>J058406200018</t>
  </si>
  <si>
    <t>1546128</t>
  </si>
  <si>
    <t>OBENG, Mrs. MILLICENT</t>
  </si>
  <si>
    <t>0109 Teshie Presby Prim B</t>
  </si>
  <si>
    <t>E018412010022</t>
  </si>
  <si>
    <t>1546131</t>
  </si>
  <si>
    <t>OKORE AFFAM, Mrs. JOY AYEBEA</t>
  </si>
  <si>
    <t>0109 Martey Tsuru Presby Basic Sch</t>
  </si>
  <si>
    <t>C017808280244</t>
  </si>
  <si>
    <t>1546134</t>
  </si>
  <si>
    <t>TERKPERTEY, Mr. MATHIAS MAUNGE</t>
  </si>
  <si>
    <t>0102 Kasseh DA 2 Prim (GOV)</t>
  </si>
  <si>
    <t>E249004030015</t>
  </si>
  <si>
    <t>1546140</t>
  </si>
  <si>
    <t>OWUSU, Mr. COLLINS TWUM</t>
  </si>
  <si>
    <t>0116 Lekpongunor D/A JHS</t>
  </si>
  <si>
    <t>E019205250037</t>
  </si>
  <si>
    <t>1546142</t>
  </si>
  <si>
    <t>BOATEMAA, Mrs. MAAME YAA</t>
  </si>
  <si>
    <t>C019101030085</t>
  </si>
  <si>
    <t>1546144</t>
  </si>
  <si>
    <t>QUARTEY, Mrs. ABIGAIL</t>
  </si>
  <si>
    <t>C018508090025</t>
  </si>
  <si>
    <t>1546149</t>
  </si>
  <si>
    <t>CUDJOE, Mr. ISAAC OBLITEY</t>
  </si>
  <si>
    <t>GHA-000992383-0</t>
  </si>
  <si>
    <t>1546188</t>
  </si>
  <si>
    <t>AMPONSEM, Mr. BISMARK ADUSEI</t>
  </si>
  <si>
    <t>0116 Dawa Presby Basic Sch</t>
  </si>
  <si>
    <t>E199008030016</t>
  </si>
  <si>
    <t>1546191</t>
  </si>
  <si>
    <t>ARTHUR, Miss GRACE</t>
  </si>
  <si>
    <t>0101 Accra Bishop Boys Prim (ANG)</t>
  </si>
  <si>
    <t>C088907300048</t>
  </si>
  <si>
    <t>1546203</t>
  </si>
  <si>
    <t>TEKYI-MENSAH, Miss EDITH</t>
  </si>
  <si>
    <t>0101 Sacred Heart Technical Inst</t>
  </si>
  <si>
    <t>A018704050022</t>
  </si>
  <si>
    <t>1546213</t>
  </si>
  <si>
    <t>TWUMASI, Mr. VICTOR</t>
  </si>
  <si>
    <t>C019409100513</t>
  </si>
  <si>
    <t>1546220</t>
  </si>
  <si>
    <t>COBBOLD, Mr. JOHN REMATIN</t>
  </si>
  <si>
    <t>A018610310018</t>
  </si>
  <si>
    <t>1546230</t>
  </si>
  <si>
    <t>FERGUSON, Mrs. SUZZIE AMA</t>
  </si>
  <si>
    <t>B018906170026</t>
  </si>
  <si>
    <t>1546240</t>
  </si>
  <si>
    <t>FRIMPONG, Miss MARGARET</t>
  </si>
  <si>
    <t>C019705100685</t>
  </si>
  <si>
    <t>1546263</t>
  </si>
  <si>
    <t>DONKOR, Mr. JOSEPH KWAME</t>
  </si>
  <si>
    <t>0101 odorkor Saleria 2 Basic Sch</t>
  </si>
  <si>
    <t>B039009270014</t>
  </si>
  <si>
    <t>1546271</t>
  </si>
  <si>
    <t>OWUSU, Mr. SHADRACK</t>
  </si>
  <si>
    <t>E109406210013</t>
  </si>
  <si>
    <t>1546283</t>
  </si>
  <si>
    <t>ABOAGYEWAA, Miss ABIGAIL</t>
  </si>
  <si>
    <t>F018012150046</t>
  </si>
  <si>
    <t>1546288</t>
  </si>
  <si>
    <t>AFARIH, Miss SYLVIA</t>
  </si>
  <si>
    <t>0101 Abossey Okai Ang Prim (ANG)</t>
  </si>
  <si>
    <t>C018502080342</t>
  </si>
  <si>
    <t>1546344</t>
  </si>
  <si>
    <t>OTOO, Miss STELLA</t>
  </si>
  <si>
    <t>C019410160082</t>
  </si>
  <si>
    <t>1546350</t>
  </si>
  <si>
    <t>ANKOMAH, Miss SUSANA</t>
  </si>
  <si>
    <t>0104 St Pauls Ang Akramaman</t>
  </si>
  <si>
    <t>L139509170022</t>
  </si>
  <si>
    <t>1546361</t>
  </si>
  <si>
    <t>ATTAH-MILLS, Miss NANCY</t>
  </si>
  <si>
    <t>0110 Aplaku MA Prim (GOV)</t>
  </si>
  <si>
    <t>C019505020061</t>
  </si>
  <si>
    <t>1546374</t>
  </si>
  <si>
    <t>ABOAGEWAA, Miss PATRICIA</t>
  </si>
  <si>
    <t>G288408210027</t>
  </si>
  <si>
    <t>1546387</t>
  </si>
  <si>
    <t>BOATENG, Mr. OBENG KWADWO</t>
  </si>
  <si>
    <t>C019203100556</t>
  </si>
  <si>
    <t>1546397</t>
  </si>
  <si>
    <t>OSMAN, Mr. SHERIF</t>
  </si>
  <si>
    <t>C019507210450</t>
  </si>
  <si>
    <t>1546404</t>
  </si>
  <si>
    <t>BONSU, Miss BELINDA</t>
  </si>
  <si>
    <t>B069305150023</t>
  </si>
  <si>
    <t>1546412</t>
  </si>
  <si>
    <t>SOWAH, Mr. ERASMUS ADJETEY</t>
  </si>
  <si>
    <t>D079109010014</t>
  </si>
  <si>
    <t>1546917</t>
  </si>
  <si>
    <t>AHIABLE ADDO, Mrs. ERNESTNA NORVI</t>
  </si>
  <si>
    <t>0109 Teshie Presby Snr High Sch</t>
  </si>
  <si>
    <t>Senior.Administrative Officer..GES</t>
  </si>
  <si>
    <t>GHA-003505818-4</t>
  </si>
  <si>
    <t>1547124</t>
  </si>
  <si>
    <t>NELSON, Mr. GODFRED ARUNA</t>
  </si>
  <si>
    <t>C019609270512</t>
  </si>
  <si>
    <t>1547180</t>
  </si>
  <si>
    <t>KWAANING, Mr. MICHAEL</t>
  </si>
  <si>
    <t>0106 Tema Met Educ Office</t>
  </si>
  <si>
    <t>E129212070010</t>
  </si>
  <si>
    <t>1547253</t>
  </si>
  <si>
    <t>ASUMAH, Miss MATILDA ADEDE</t>
  </si>
  <si>
    <t>C059104230042</t>
  </si>
  <si>
    <t>1547429</t>
  </si>
  <si>
    <t>MICKSON, Mrs. JOYCE AMA OBIRIBEA</t>
  </si>
  <si>
    <t>E148410300082</t>
  </si>
  <si>
    <t>1547432</t>
  </si>
  <si>
    <t>ANKOMAH, Miss BERNICE POKUA</t>
  </si>
  <si>
    <t>E079212300021</t>
  </si>
  <si>
    <t>1547434</t>
  </si>
  <si>
    <t>OFORI, Miss ABIGIAL KYEI</t>
  </si>
  <si>
    <t>0104 Odumase Amanfrom M/A 4 Prim</t>
  </si>
  <si>
    <t>C018712290085</t>
  </si>
  <si>
    <t>1547436</t>
  </si>
  <si>
    <t>OSAE, Mr. EMMANUEL</t>
  </si>
  <si>
    <t>F148808260038</t>
  </si>
  <si>
    <t>1547438</t>
  </si>
  <si>
    <t>PAPPOE, Mr. MICHAEL-HANS</t>
  </si>
  <si>
    <t>0101 Kokomlemle 1 Prim (GOV)</t>
  </si>
  <si>
    <t>C018510190379</t>
  </si>
  <si>
    <t>1547443</t>
  </si>
  <si>
    <t>AMEYAW, Mr. CALEB</t>
  </si>
  <si>
    <t>G019409250031</t>
  </si>
  <si>
    <t>1547446</t>
  </si>
  <si>
    <t>ANDERASON, Miss JULIANA ESI BREBA</t>
  </si>
  <si>
    <t>GHA-001932173-4</t>
  </si>
  <si>
    <t>1547450</t>
  </si>
  <si>
    <t>ACKON, Mr. ENOCK</t>
  </si>
  <si>
    <t>E219009010014</t>
  </si>
  <si>
    <t>1547453</t>
  </si>
  <si>
    <t>SAM, Miss HENRIETTA</t>
  </si>
  <si>
    <t>0108 Ashaiman N0.3 JHS A (GOV)</t>
  </si>
  <si>
    <t>C039303130028</t>
  </si>
  <si>
    <t>1547455</t>
  </si>
  <si>
    <t>ASARE, Mr. ERNEST KWAME</t>
  </si>
  <si>
    <t>0101 Kinbu Snr High Tech Sch</t>
  </si>
  <si>
    <t>C018908010630</t>
  </si>
  <si>
    <t>1547458</t>
  </si>
  <si>
    <t>NULEKPEDZI, Mr. MAWULI AZIZ</t>
  </si>
  <si>
    <t>E179410100031</t>
  </si>
  <si>
    <t>1547460</t>
  </si>
  <si>
    <t>OSAFO, Mr. ERIC</t>
  </si>
  <si>
    <t>E279305070010</t>
  </si>
  <si>
    <t>1547462</t>
  </si>
  <si>
    <t>ASARE, Mr. HANSON DUAH</t>
  </si>
  <si>
    <t>E218803290030</t>
  </si>
  <si>
    <t>1547467</t>
  </si>
  <si>
    <t>KORANTENG, Mr. ISAAC</t>
  </si>
  <si>
    <t>C039207270030</t>
  </si>
  <si>
    <t>1547470</t>
  </si>
  <si>
    <t>BREGHT-WILSON, Mr. STEPHEN</t>
  </si>
  <si>
    <t>C019004100415</t>
  </si>
  <si>
    <t>1547473</t>
  </si>
  <si>
    <t>KPABITEY, Miss MABEL MAMLE</t>
  </si>
  <si>
    <t>E138905220044</t>
  </si>
  <si>
    <t>1547517</t>
  </si>
  <si>
    <t>DUODU, Mr. GEORGE</t>
  </si>
  <si>
    <t>0106 Tema Technical Institute</t>
  </si>
  <si>
    <t>C018804180118</t>
  </si>
  <si>
    <t>1547584</t>
  </si>
  <si>
    <t>SARPONG, Mr. JEFFERY AMPONSAH</t>
  </si>
  <si>
    <t>0126 Weija Gbawe Municipal Edu. Office</t>
  </si>
  <si>
    <t>Weija Gbawe Municipal Assembly</t>
  </si>
  <si>
    <t>1548229</t>
  </si>
  <si>
    <t>MUKAILA, Mrs. RUBAMATU</t>
  </si>
  <si>
    <t>C01840424038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6">
    <xf numFmtId="0" fontId="0" fillId="0" borderId="0" xfId="0"/>
    <xf numFmtId="0" fontId="1" fillId="0" borderId="0" xfId="0" applyFont="1"/>
    <xf numFmtId="0" fontId="0" fillId="0" borderId="0" xfId="0" quotePrefix="1"/>
    <xf numFmtId="15" fontId="0" fillId="0" borderId="0" xfId="0" applyNumberFormat="1"/>
    <xf numFmtId="0" fontId="0" fillId="0" borderId="0" xfId="0" quotePrefix="1" applyFill="1"/>
    <xf numFmtId="15" fontId="0" fillId="0" borderId="0" xfId="0" applyNumberFormat="1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20"/>
  <sheetViews>
    <sheetView tabSelected="1" topLeftCell="A206" workbookViewId="0">
      <selection activeCell="E226" sqref="E226"/>
    </sheetView>
  </sheetViews>
  <sheetFormatPr defaultRowHeight="15" x14ac:dyDescent="0.25"/>
  <cols>
    <col min="1" max="1" width="12.5703125" customWidth="1"/>
    <col min="2" max="2" width="11" bestFit="1" customWidth="1"/>
    <col min="3" max="3" width="33.42578125" customWidth="1"/>
    <col min="4" max="4" width="35.5703125" customWidth="1"/>
    <col min="5" max="5" width="33" customWidth="1"/>
    <col min="6" max="6" width="13.85546875" bestFit="1" customWidth="1"/>
    <col min="7" max="7" width="16.42578125" bestFit="1" customWidth="1"/>
    <col min="8" max="8" width="7.85546875" bestFit="1" customWidth="1"/>
    <col min="9" max="9" width="15.28515625" bestFit="1" customWidth="1"/>
    <col min="10" max="10" width="12" bestFit="1" customWidth="1"/>
    <col min="11" max="11" width="14.28515625" bestFit="1" customWidth="1"/>
    <col min="12" max="12" width="48.42578125" bestFit="1" customWidth="1"/>
    <col min="13" max="13" width="28.5703125" bestFit="1" customWidth="1"/>
  </cols>
  <sheetData>
    <row r="1" spans="1:13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</row>
    <row r="2" spans="1:13" x14ac:dyDescent="0.25">
      <c r="A2" s="2" t="s">
        <v>36</v>
      </c>
      <c r="B2" s="2" t="s">
        <v>13</v>
      </c>
      <c r="C2" s="2" t="s">
        <v>37</v>
      </c>
      <c r="D2" s="2" t="s">
        <v>38</v>
      </c>
      <c r="E2" s="2" t="s">
        <v>16</v>
      </c>
      <c r="F2" s="2" t="s">
        <v>17</v>
      </c>
      <c r="G2" s="2" t="s">
        <v>39</v>
      </c>
      <c r="H2" s="2" t="s">
        <v>14</v>
      </c>
      <c r="I2" s="3">
        <v>29522</v>
      </c>
      <c r="J2" s="3">
        <v>42614</v>
      </c>
      <c r="K2" s="2" t="s">
        <v>40</v>
      </c>
      <c r="L2" s="2" t="s">
        <v>41</v>
      </c>
      <c r="M2" s="2" t="s">
        <v>15</v>
      </c>
    </row>
    <row r="3" spans="1:13" x14ac:dyDescent="0.25">
      <c r="A3" s="2" t="s">
        <v>42</v>
      </c>
      <c r="B3" s="2" t="s">
        <v>18</v>
      </c>
      <c r="C3" s="2" t="s">
        <v>43</v>
      </c>
      <c r="D3" s="2" t="s">
        <v>44</v>
      </c>
      <c r="E3" s="2" t="s">
        <v>21</v>
      </c>
      <c r="F3" s="2" t="s">
        <v>22</v>
      </c>
      <c r="G3" s="2" t="s">
        <v>45</v>
      </c>
      <c r="H3" s="2" t="s">
        <v>19</v>
      </c>
      <c r="I3" s="3">
        <v>30035</v>
      </c>
      <c r="J3" s="3">
        <v>43160</v>
      </c>
      <c r="K3" s="2" t="s">
        <v>40</v>
      </c>
      <c r="L3" s="2" t="s">
        <v>46</v>
      </c>
      <c r="M3" s="2" t="s">
        <v>15</v>
      </c>
    </row>
    <row r="4" spans="1:13" x14ac:dyDescent="0.25">
      <c r="A4" s="2" t="s">
        <v>47</v>
      </c>
      <c r="B4" s="2" t="s">
        <v>13</v>
      </c>
      <c r="C4" s="2" t="s">
        <v>48</v>
      </c>
      <c r="D4" s="2" t="s">
        <v>49</v>
      </c>
      <c r="E4" s="2" t="s">
        <v>33</v>
      </c>
      <c r="F4" s="2" t="s">
        <v>25</v>
      </c>
      <c r="G4" s="2" t="s">
        <v>50</v>
      </c>
      <c r="H4" s="2" t="s">
        <v>14</v>
      </c>
      <c r="I4" s="3">
        <v>27381</v>
      </c>
      <c r="J4" s="3">
        <v>43221</v>
      </c>
      <c r="K4" s="2" t="s">
        <v>40</v>
      </c>
      <c r="L4" s="2" t="s">
        <v>51</v>
      </c>
      <c r="M4" s="2" t="s">
        <v>15</v>
      </c>
    </row>
    <row r="5" spans="1:13" x14ac:dyDescent="0.25">
      <c r="A5" s="2" t="s">
        <v>52</v>
      </c>
      <c r="B5" s="2" t="s">
        <v>18</v>
      </c>
      <c r="C5" s="2" t="s">
        <v>53</v>
      </c>
      <c r="D5" s="2" t="s">
        <v>54</v>
      </c>
      <c r="E5" s="2" t="s">
        <v>28</v>
      </c>
      <c r="F5" s="2" t="s">
        <v>29</v>
      </c>
      <c r="G5" s="2" t="s">
        <v>55</v>
      </c>
      <c r="H5" s="2" t="s">
        <v>19</v>
      </c>
      <c r="I5" s="3">
        <v>36074</v>
      </c>
      <c r="J5" s="3">
        <v>44636</v>
      </c>
      <c r="K5" s="2" t="s">
        <v>40</v>
      </c>
      <c r="L5" s="2" t="s">
        <v>56</v>
      </c>
      <c r="M5" s="2" t="s">
        <v>15</v>
      </c>
    </row>
    <row r="6" spans="1:13" x14ac:dyDescent="0.25">
      <c r="A6" s="2" t="s">
        <v>57</v>
      </c>
      <c r="B6" s="2" t="s">
        <v>13</v>
      </c>
      <c r="C6" s="2" t="s">
        <v>58</v>
      </c>
      <c r="D6" s="2" t="s">
        <v>59</v>
      </c>
      <c r="E6" s="2" t="s">
        <v>28</v>
      </c>
      <c r="F6" s="2" t="s">
        <v>29</v>
      </c>
      <c r="G6" s="2" t="s">
        <v>60</v>
      </c>
      <c r="H6" s="2" t="s">
        <v>14</v>
      </c>
      <c r="I6" s="3">
        <v>34338</v>
      </c>
      <c r="J6" s="3">
        <v>44613</v>
      </c>
      <c r="K6" s="2" t="s">
        <v>40</v>
      </c>
      <c r="L6" s="2" t="s">
        <v>61</v>
      </c>
      <c r="M6" s="2" t="s">
        <v>15</v>
      </c>
    </row>
    <row r="7" spans="1:13" x14ac:dyDescent="0.25">
      <c r="A7" s="2" t="s">
        <v>62</v>
      </c>
      <c r="B7" s="2" t="s">
        <v>13</v>
      </c>
      <c r="C7" s="2" t="s">
        <v>63</v>
      </c>
      <c r="D7" s="2" t="s">
        <v>64</v>
      </c>
      <c r="E7" s="2" t="s">
        <v>35</v>
      </c>
      <c r="F7" s="2" t="s">
        <v>25</v>
      </c>
      <c r="G7" s="2" t="s">
        <v>65</v>
      </c>
      <c r="H7" s="2" t="s">
        <v>14</v>
      </c>
      <c r="I7" s="3">
        <v>34845</v>
      </c>
      <c r="J7" s="3">
        <v>44760</v>
      </c>
      <c r="K7" s="2" t="s">
        <v>40</v>
      </c>
      <c r="L7" s="2" t="s">
        <v>66</v>
      </c>
      <c r="M7" s="2" t="s">
        <v>15</v>
      </c>
    </row>
    <row r="8" spans="1:13" x14ac:dyDescent="0.25">
      <c r="A8" s="2" t="s">
        <v>67</v>
      </c>
      <c r="B8" s="2" t="s">
        <v>18</v>
      </c>
      <c r="C8" s="2" t="s">
        <v>68</v>
      </c>
      <c r="D8" s="2" t="s">
        <v>69</v>
      </c>
      <c r="E8" s="2" t="s">
        <v>28</v>
      </c>
      <c r="F8" s="2" t="s">
        <v>29</v>
      </c>
      <c r="G8" s="2" t="s">
        <v>70</v>
      </c>
      <c r="H8" s="2" t="s">
        <v>19</v>
      </c>
      <c r="I8" s="3">
        <v>32450</v>
      </c>
      <c r="J8" s="3">
        <v>44719</v>
      </c>
      <c r="K8" s="2" t="s">
        <v>40</v>
      </c>
      <c r="L8" s="2" t="s">
        <v>41</v>
      </c>
      <c r="M8" s="2" t="s">
        <v>15</v>
      </c>
    </row>
    <row r="9" spans="1:13" x14ac:dyDescent="0.25">
      <c r="A9" s="2" t="s">
        <v>71</v>
      </c>
      <c r="B9" s="2" t="s">
        <v>18</v>
      </c>
      <c r="C9" s="2" t="s">
        <v>72</v>
      </c>
      <c r="D9" s="2" t="s">
        <v>44</v>
      </c>
      <c r="E9" s="2" t="s">
        <v>73</v>
      </c>
      <c r="F9" s="2" t="s">
        <v>25</v>
      </c>
      <c r="G9" s="2" t="s">
        <v>74</v>
      </c>
      <c r="H9" s="2" t="s">
        <v>19</v>
      </c>
      <c r="I9" s="3">
        <v>35963</v>
      </c>
      <c r="J9" s="3">
        <v>44774</v>
      </c>
      <c r="K9" s="2" t="s">
        <v>40</v>
      </c>
      <c r="L9" s="2" t="s">
        <v>46</v>
      </c>
      <c r="M9" s="2" t="s">
        <v>15</v>
      </c>
    </row>
    <row r="10" spans="1:13" x14ac:dyDescent="0.25">
      <c r="A10" s="2" t="s">
        <v>75</v>
      </c>
      <c r="B10" s="2" t="s">
        <v>18</v>
      </c>
      <c r="C10" s="2" t="s">
        <v>76</v>
      </c>
      <c r="D10" s="2" t="s">
        <v>77</v>
      </c>
      <c r="E10" s="2" t="s">
        <v>30</v>
      </c>
      <c r="F10" s="2" t="s">
        <v>25</v>
      </c>
      <c r="G10" s="2" t="s">
        <v>78</v>
      </c>
      <c r="H10" s="2" t="s">
        <v>19</v>
      </c>
      <c r="I10" s="3">
        <v>34822</v>
      </c>
      <c r="J10" s="3">
        <v>44761</v>
      </c>
      <c r="K10" s="2" t="s">
        <v>40</v>
      </c>
      <c r="L10" s="2" t="s">
        <v>79</v>
      </c>
      <c r="M10" s="2" t="s">
        <v>15</v>
      </c>
    </row>
    <row r="11" spans="1:13" x14ac:dyDescent="0.25">
      <c r="A11" s="2" t="s">
        <v>80</v>
      </c>
      <c r="B11" s="2" t="s">
        <v>18</v>
      </c>
      <c r="C11" s="2" t="s">
        <v>81</v>
      </c>
      <c r="D11" s="2" t="s">
        <v>82</v>
      </c>
      <c r="E11" s="2" t="s">
        <v>28</v>
      </c>
      <c r="F11" s="2" t="s">
        <v>29</v>
      </c>
      <c r="G11" s="2" t="s">
        <v>83</v>
      </c>
      <c r="H11" s="2" t="s">
        <v>19</v>
      </c>
      <c r="I11" s="3">
        <v>35240</v>
      </c>
      <c r="J11" s="3">
        <v>44645</v>
      </c>
      <c r="K11" s="2" t="s">
        <v>40</v>
      </c>
      <c r="L11" s="2" t="s">
        <v>61</v>
      </c>
      <c r="M11" s="2" t="s">
        <v>15</v>
      </c>
    </row>
    <row r="12" spans="1:13" x14ac:dyDescent="0.25">
      <c r="A12" s="2" t="s">
        <v>84</v>
      </c>
      <c r="B12" s="2" t="s">
        <v>18</v>
      </c>
      <c r="C12" s="2" t="s">
        <v>85</v>
      </c>
      <c r="D12" s="2" t="s">
        <v>86</v>
      </c>
      <c r="E12" s="2" t="s">
        <v>31</v>
      </c>
      <c r="F12" s="2" t="s">
        <v>23</v>
      </c>
      <c r="G12" s="2" t="s">
        <v>87</v>
      </c>
      <c r="H12" s="2" t="s">
        <v>19</v>
      </c>
      <c r="I12" s="3">
        <v>36511</v>
      </c>
      <c r="J12" s="3">
        <v>44809</v>
      </c>
      <c r="K12" s="2" t="s">
        <v>40</v>
      </c>
      <c r="L12" s="2" t="s">
        <v>88</v>
      </c>
      <c r="M12" s="2" t="s">
        <v>15</v>
      </c>
    </row>
    <row r="13" spans="1:13" x14ac:dyDescent="0.25">
      <c r="A13" s="2" t="s">
        <v>89</v>
      </c>
      <c r="B13" s="2" t="s">
        <v>13</v>
      </c>
      <c r="C13" s="2" t="s">
        <v>90</v>
      </c>
      <c r="D13" s="2" t="s">
        <v>91</v>
      </c>
      <c r="E13" s="2" t="s">
        <v>24</v>
      </c>
      <c r="F13" s="2" t="s">
        <v>25</v>
      </c>
      <c r="G13" s="2" t="s">
        <v>92</v>
      </c>
      <c r="H13" s="2" t="s">
        <v>14</v>
      </c>
      <c r="I13" s="3">
        <v>34901</v>
      </c>
      <c r="J13" s="3">
        <v>44713</v>
      </c>
      <c r="K13" s="2" t="s">
        <v>40</v>
      </c>
      <c r="L13" s="2" t="s">
        <v>51</v>
      </c>
      <c r="M13" s="2" t="s">
        <v>15</v>
      </c>
    </row>
    <row r="14" spans="1:13" x14ac:dyDescent="0.25">
      <c r="A14" s="2" t="s">
        <v>93</v>
      </c>
      <c r="B14" s="2" t="s">
        <v>18</v>
      </c>
      <c r="C14" s="2" t="s">
        <v>94</v>
      </c>
      <c r="D14" s="2" t="s">
        <v>95</v>
      </c>
      <c r="E14" s="2" t="s">
        <v>24</v>
      </c>
      <c r="F14" s="2" t="s">
        <v>25</v>
      </c>
      <c r="G14" s="2" t="s">
        <v>96</v>
      </c>
      <c r="H14" s="2" t="s">
        <v>19</v>
      </c>
      <c r="I14" s="3">
        <v>33808</v>
      </c>
      <c r="J14" s="3">
        <v>44785</v>
      </c>
      <c r="K14" s="2" t="s">
        <v>40</v>
      </c>
      <c r="L14" s="2" t="s">
        <v>97</v>
      </c>
      <c r="M14" s="2" t="s">
        <v>15</v>
      </c>
    </row>
    <row r="15" spans="1:13" x14ac:dyDescent="0.25">
      <c r="A15" s="2" t="s">
        <v>98</v>
      </c>
      <c r="B15" s="2" t="s">
        <v>20</v>
      </c>
      <c r="C15" s="2" t="s">
        <v>99</v>
      </c>
      <c r="D15" s="2" t="s">
        <v>100</v>
      </c>
      <c r="E15" s="2" t="s">
        <v>24</v>
      </c>
      <c r="F15" s="2" t="s">
        <v>25</v>
      </c>
      <c r="G15" s="2" t="s">
        <v>101</v>
      </c>
      <c r="H15" s="2" t="s">
        <v>19</v>
      </c>
      <c r="I15" s="3">
        <v>33028</v>
      </c>
      <c r="J15" s="3">
        <v>44817</v>
      </c>
      <c r="K15" s="2" t="s">
        <v>40</v>
      </c>
      <c r="L15" s="2" t="s">
        <v>102</v>
      </c>
      <c r="M15" s="2" t="s">
        <v>15</v>
      </c>
    </row>
    <row r="16" spans="1:13" x14ac:dyDescent="0.25">
      <c r="A16" s="2" t="s">
        <v>103</v>
      </c>
      <c r="B16" s="2" t="s">
        <v>20</v>
      </c>
      <c r="C16" s="2" t="s">
        <v>104</v>
      </c>
      <c r="D16" s="2" t="s">
        <v>105</v>
      </c>
      <c r="E16" s="2" t="s">
        <v>24</v>
      </c>
      <c r="F16" s="2" t="s">
        <v>25</v>
      </c>
      <c r="G16" s="2" t="s">
        <v>106</v>
      </c>
      <c r="H16" s="2" t="s">
        <v>19</v>
      </c>
      <c r="I16" s="3">
        <v>30065</v>
      </c>
      <c r="J16" s="3">
        <v>44817</v>
      </c>
      <c r="K16" s="2" t="s">
        <v>40</v>
      </c>
      <c r="L16" s="2" t="s">
        <v>102</v>
      </c>
      <c r="M16" s="2" t="s">
        <v>15</v>
      </c>
    </row>
    <row r="17" spans="1:13" x14ac:dyDescent="0.25">
      <c r="A17" s="2" t="s">
        <v>107</v>
      </c>
      <c r="B17" s="2" t="s">
        <v>13</v>
      </c>
      <c r="C17" s="2" t="s">
        <v>108</v>
      </c>
      <c r="D17" s="2" t="s">
        <v>105</v>
      </c>
      <c r="E17" s="2" t="s">
        <v>24</v>
      </c>
      <c r="F17" s="2" t="s">
        <v>25</v>
      </c>
      <c r="G17" s="2" t="s">
        <v>109</v>
      </c>
      <c r="H17" s="2" t="s">
        <v>14</v>
      </c>
      <c r="I17" s="3">
        <v>33271</v>
      </c>
      <c r="J17" s="3">
        <v>44803</v>
      </c>
      <c r="K17" s="2" t="s">
        <v>40</v>
      </c>
      <c r="L17" s="2" t="s">
        <v>102</v>
      </c>
      <c r="M17" s="2" t="s">
        <v>15</v>
      </c>
    </row>
    <row r="18" spans="1:13" x14ac:dyDescent="0.25">
      <c r="A18" s="2" t="s">
        <v>110</v>
      </c>
      <c r="B18" s="2" t="s">
        <v>13</v>
      </c>
      <c r="C18" s="2" t="s">
        <v>111</v>
      </c>
      <c r="D18" s="2" t="s">
        <v>112</v>
      </c>
      <c r="E18" s="2" t="s">
        <v>24</v>
      </c>
      <c r="F18" s="2" t="s">
        <v>25</v>
      </c>
      <c r="G18" s="2" t="s">
        <v>113</v>
      </c>
      <c r="H18" s="2" t="s">
        <v>14</v>
      </c>
      <c r="I18" s="3">
        <v>33735</v>
      </c>
      <c r="J18" s="3">
        <v>44816</v>
      </c>
      <c r="K18" s="2" t="s">
        <v>40</v>
      </c>
      <c r="L18" s="2" t="s">
        <v>51</v>
      </c>
      <c r="M18" s="2" t="s">
        <v>15</v>
      </c>
    </row>
    <row r="19" spans="1:13" x14ac:dyDescent="0.25">
      <c r="A19" s="2" t="s">
        <v>114</v>
      </c>
      <c r="B19" s="2" t="s">
        <v>13</v>
      </c>
      <c r="C19" s="2" t="s">
        <v>115</v>
      </c>
      <c r="D19" s="2" t="s">
        <v>116</v>
      </c>
      <c r="E19" s="2" t="s">
        <v>24</v>
      </c>
      <c r="F19" s="2" t="s">
        <v>25</v>
      </c>
      <c r="G19" s="2" t="s">
        <v>117</v>
      </c>
      <c r="H19" s="2" t="s">
        <v>14</v>
      </c>
      <c r="I19" s="3">
        <v>34700</v>
      </c>
      <c r="J19" s="3">
        <v>44713</v>
      </c>
      <c r="K19" s="2" t="s">
        <v>40</v>
      </c>
      <c r="L19" s="2" t="s">
        <v>51</v>
      </c>
      <c r="M19" s="2" t="s">
        <v>15</v>
      </c>
    </row>
    <row r="20" spans="1:13" x14ac:dyDescent="0.25">
      <c r="A20" s="2" t="s">
        <v>118</v>
      </c>
      <c r="B20" s="2" t="s">
        <v>13</v>
      </c>
      <c r="C20" s="2" t="s">
        <v>119</v>
      </c>
      <c r="D20" s="2" t="s">
        <v>120</v>
      </c>
      <c r="E20" s="2" t="s">
        <v>24</v>
      </c>
      <c r="F20" s="2" t="s">
        <v>25</v>
      </c>
      <c r="G20" s="2" t="s">
        <v>121</v>
      </c>
      <c r="H20" s="2" t="s">
        <v>14</v>
      </c>
      <c r="I20" s="3">
        <v>33180</v>
      </c>
      <c r="J20" s="3">
        <v>44713</v>
      </c>
      <c r="K20" s="2" t="s">
        <v>40</v>
      </c>
      <c r="L20" s="2" t="s">
        <v>51</v>
      </c>
      <c r="M20" s="2" t="s">
        <v>15</v>
      </c>
    </row>
    <row r="21" spans="1:13" x14ac:dyDescent="0.25">
      <c r="A21" s="2" t="s">
        <v>122</v>
      </c>
      <c r="B21" s="2" t="s">
        <v>18</v>
      </c>
      <c r="C21" s="2" t="s">
        <v>123</v>
      </c>
      <c r="D21" s="2" t="s">
        <v>124</v>
      </c>
      <c r="E21" s="2" t="s">
        <v>24</v>
      </c>
      <c r="F21" s="2" t="s">
        <v>25</v>
      </c>
      <c r="G21" s="2" t="s">
        <v>125</v>
      </c>
      <c r="H21" s="2" t="s">
        <v>19</v>
      </c>
      <c r="I21" s="3">
        <v>34787</v>
      </c>
      <c r="J21" s="3">
        <v>44784</v>
      </c>
      <c r="K21" s="2" t="s">
        <v>40</v>
      </c>
      <c r="L21" s="2" t="s">
        <v>51</v>
      </c>
      <c r="M21" s="2" t="s">
        <v>15</v>
      </c>
    </row>
    <row r="22" spans="1:13" x14ac:dyDescent="0.25">
      <c r="A22" s="2" t="s">
        <v>126</v>
      </c>
      <c r="B22" s="2" t="s">
        <v>13</v>
      </c>
      <c r="C22" s="2" t="s">
        <v>127</v>
      </c>
      <c r="D22" s="2" t="s">
        <v>128</v>
      </c>
      <c r="E22" s="2" t="s">
        <v>24</v>
      </c>
      <c r="F22" s="2" t="s">
        <v>25</v>
      </c>
      <c r="G22" s="2" t="s">
        <v>129</v>
      </c>
      <c r="H22" s="2" t="s">
        <v>14</v>
      </c>
      <c r="I22" s="3">
        <v>34198</v>
      </c>
      <c r="J22" s="3">
        <v>44713</v>
      </c>
      <c r="K22" s="2" t="s">
        <v>40</v>
      </c>
      <c r="L22" s="2" t="s">
        <v>51</v>
      </c>
      <c r="M22" s="2" t="s">
        <v>15</v>
      </c>
    </row>
    <row r="23" spans="1:13" x14ac:dyDescent="0.25">
      <c r="A23" s="2" t="s">
        <v>130</v>
      </c>
      <c r="B23" s="2" t="s">
        <v>13</v>
      </c>
      <c r="C23" s="2" t="s">
        <v>131</v>
      </c>
      <c r="D23" s="2" t="s">
        <v>132</v>
      </c>
      <c r="E23" s="2" t="s">
        <v>24</v>
      </c>
      <c r="F23" s="2" t="s">
        <v>25</v>
      </c>
      <c r="G23" s="2" t="s">
        <v>133</v>
      </c>
      <c r="H23" s="2" t="s">
        <v>14</v>
      </c>
      <c r="I23" s="3">
        <v>34157</v>
      </c>
      <c r="J23" s="3">
        <v>44819</v>
      </c>
      <c r="K23" s="2" t="s">
        <v>40</v>
      </c>
      <c r="L23" s="2" t="s">
        <v>134</v>
      </c>
      <c r="M23" s="2" t="s">
        <v>15</v>
      </c>
    </row>
    <row r="24" spans="1:13" x14ac:dyDescent="0.25">
      <c r="A24" s="2" t="s">
        <v>135</v>
      </c>
      <c r="B24" s="2" t="s">
        <v>18</v>
      </c>
      <c r="C24" s="2" t="s">
        <v>136</v>
      </c>
      <c r="D24" s="2" t="s">
        <v>137</v>
      </c>
      <c r="E24" s="2" t="s">
        <v>24</v>
      </c>
      <c r="F24" s="2" t="s">
        <v>25</v>
      </c>
      <c r="G24" s="2" t="s">
        <v>138</v>
      </c>
      <c r="H24" s="2" t="s">
        <v>19</v>
      </c>
      <c r="I24" s="3">
        <v>34483</v>
      </c>
      <c r="J24" s="3">
        <v>44813</v>
      </c>
      <c r="K24" s="2" t="s">
        <v>40</v>
      </c>
      <c r="L24" s="2" t="s">
        <v>61</v>
      </c>
      <c r="M24" s="2" t="s">
        <v>15</v>
      </c>
    </row>
    <row r="25" spans="1:13" x14ac:dyDescent="0.25">
      <c r="A25" s="2" t="s">
        <v>139</v>
      </c>
      <c r="B25" s="2" t="s">
        <v>20</v>
      </c>
      <c r="C25" s="2" t="s">
        <v>140</v>
      </c>
      <c r="D25" s="2" t="s">
        <v>141</v>
      </c>
      <c r="E25" s="2" t="s">
        <v>26</v>
      </c>
      <c r="F25" s="2" t="s">
        <v>27</v>
      </c>
      <c r="G25" s="2" t="s">
        <v>142</v>
      </c>
      <c r="H25" s="2" t="s">
        <v>19</v>
      </c>
      <c r="I25" s="3">
        <v>34208</v>
      </c>
      <c r="J25" s="3">
        <v>44781</v>
      </c>
      <c r="K25" s="2" t="s">
        <v>40</v>
      </c>
      <c r="L25" s="2" t="s">
        <v>143</v>
      </c>
      <c r="M25" s="2" t="s">
        <v>15</v>
      </c>
    </row>
    <row r="26" spans="1:13" x14ac:dyDescent="0.25">
      <c r="A26" s="2" t="s">
        <v>144</v>
      </c>
      <c r="B26" s="2" t="s">
        <v>18</v>
      </c>
      <c r="C26" s="2" t="s">
        <v>145</v>
      </c>
      <c r="D26" s="2" t="s">
        <v>146</v>
      </c>
      <c r="E26" s="2" t="s">
        <v>24</v>
      </c>
      <c r="F26" s="2" t="s">
        <v>25</v>
      </c>
      <c r="G26" s="2" t="s">
        <v>147</v>
      </c>
      <c r="H26" s="2" t="s">
        <v>19</v>
      </c>
      <c r="I26" s="3">
        <v>28504</v>
      </c>
      <c r="J26" s="3">
        <v>44819</v>
      </c>
      <c r="K26" s="2" t="s">
        <v>40</v>
      </c>
      <c r="L26" s="2" t="s">
        <v>148</v>
      </c>
      <c r="M26" s="2" t="s">
        <v>15</v>
      </c>
    </row>
    <row r="27" spans="1:13" x14ac:dyDescent="0.25">
      <c r="A27" s="2" t="s">
        <v>149</v>
      </c>
      <c r="B27" s="2" t="s">
        <v>20</v>
      </c>
      <c r="C27" s="2" t="s">
        <v>150</v>
      </c>
      <c r="D27" s="2" t="s">
        <v>151</v>
      </c>
      <c r="E27" s="2" t="s">
        <v>24</v>
      </c>
      <c r="F27" s="2" t="s">
        <v>25</v>
      </c>
      <c r="G27" s="2" t="s">
        <v>152</v>
      </c>
      <c r="H27" s="2" t="s">
        <v>19</v>
      </c>
      <c r="I27" s="3">
        <v>35362</v>
      </c>
      <c r="J27" s="3">
        <v>44788</v>
      </c>
      <c r="K27" s="2" t="s">
        <v>40</v>
      </c>
      <c r="L27" s="2" t="s">
        <v>41</v>
      </c>
      <c r="M27" s="2" t="s">
        <v>15</v>
      </c>
    </row>
    <row r="28" spans="1:13" x14ac:dyDescent="0.25">
      <c r="A28" s="4" t="s">
        <v>153</v>
      </c>
      <c r="B28" s="4" t="s">
        <v>18</v>
      </c>
      <c r="C28" s="4" t="s">
        <v>154</v>
      </c>
      <c r="D28" s="4" t="s">
        <v>155</v>
      </c>
      <c r="E28" s="4" t="s">
        <v>24</v>
      </c>
      <c r="F28" s="4" t="s">
        <v>25</v>
      </c>
      <c r="G28" s="4" t="s">
        <v>156</v>
      </c>
      <c r="H28" s="4" t="s">
        <v>19</v>
      </c>
      <c r="I28" s="5">
        <v>33373</v>
      </c>
      <c r="J28" s="5">
        <v>44783</v>
      </c>
      <c r="K28" s="4" t="s">
        <v>40</v>
      </c>
      <c r="L28" s="4" t="s">
        <v>51</v>
      </c>
      <c r="M28" s="4" t="s">
        <v>15</v>
      </c>
    </row>
    <row r="29" spans="1:13" x14ac:dyDescent="0.25">
      <c r="A29" s="2" t="s">
        <v>157</v>
      </c>
      <c r="B29" s="2" t="s">
        <v>13</v>
      </c>
      <c r="C29" s="2" t="s">
        <v>158</v>
      </c>
      <c r="D29" s="2" t="s">
        <v>159</v>
      </c>
      <c r="E29" s="2" t="s">
        <v>24</v>
      </c>
      <c r="F29" s="2" t="s">
        <v>25</v>
      </c>
      <c r="G29" s="2" t="s">
        <v>160</v>
      </c>
      <c r="H29" s="2" t="s">
        <v>14</v>
      </c>
      <c r="I29" s="3">
        <v>34263</v>
      </c>
      <c r="J29" s="3">
        <v>44760</v>
      </c>
      <c r="K29" s="2" t="s">
        <v>40</v>
      </c>
      <c r="L29" s="2" t="s">
        <v>46</v>
      </c>
      <c r="M29" s="2" t="s">
        <v>15</v>
      </c>
    </row>
    <row r="30" spans="1:13" x14ac:dyDescent="0.25">
      <c r="A30" s="2" t="s">
        <v>161</v>
      </c>
      <c r="B30" s="2" t="s">
        <v>18</v>
      </c>
      <c r="C30" s="2" t="s">
        <v>162</v>
      </c>
      <c r="D30" s="2" t="s">
        <v>163</v>
      </c>
      <c r="E30" s="2" t="s">
        <v>24</v>
      </c>
      <c r="F30" s="2" t="s">
        <v>25</v>
      </c>
      <c r="G30" s="2" t="s">
        <v>164</v>
      </c>
      <c r="H30" s="2" t="s">
        <v>19</v>
      </c>
      <c r="I30" s="3">
        <v>31479</v>
      </c>
      <c r="J30" s="3">
        <v>44782</v>
      </c>
      <c r="K30" s="2" t="s">
        <v>40</v>
      </c>
      <c r="L30" s="2" t="s">
        <v>165</v>
      </c>
      <c r="M30" s="2" t="s">
        <v>15</v>
      </c>
    </row>
    <row r="31" spans="1:13" x14ac:dyDescent="0.25">
      <c r="A31" s="2" t="s">
        <v>166</v>
      </c>
      <c r="B31" s="2" t="s">
        <v>18</v>
      </c>
      <c r="C31" s="2" t="s">
        <v>167</v>
      </c>
      <c r="D31" s="2" t="s">
        <v>86</v>
      </c>
      <c r="E31" s="2" t="s">
        <v>24</v>
      </c>
      <c r="F31" s="2" t="s">
        <v>25</v>
      </c>
      <c r="G31" s="2" t="s">
        <v>168</v>
      </c>
      <c r="H31" s="2" t="s">
        <v>19</v>
      </c>
      <c r="I31" s="3">
        <v>34209</v>
      </c>
      <c r="J31" s="3">
        <v>44789</v>
      </c>
      <c r="K31" s="2" t="s">
        <v>40</v>
      </c>
      <c r="L31" s="2" t="s">
        <v>88</v>
      </c>
      <c r="M31" s="2" t="s">
        <v>15</v>
      </c>
    </row>
    <row r="32" spans="1:13" x14ac:dyDescent="0.25">
      <c r="A32" s="2" t="s">
        <v>169</v>
      </c>
      <c r="B32" s="2" t="s">
        <v>13</v>
      </c>
      <c r="C32" s="2" t="s">
        <v>170</v>
      </c>
      <c r="D32" s="2" t="s">
        <v>86</v>
      </c>
      <c r="E32" s="2" t="s">
        <v>24</v>
      </c>
      <c r="F32" s="2" t="s">
        <v>25</v>
      </c>
      <c r="G32" s="2" t="s">
        <v>171</v>
      </c>
      <c r="H32" s="2" t="s">
        <v>14</v>
      </c>
      <c r="I32" s="3">
        <v>35373</v>
      </c>
      <c r="J32" s="3">
        <v>44788</v>
      </c>
      <c r="K32" s="2" t="s">
        <v>40</v>
      </c>
      <c r="L32" s="2" t="s">
        <v>88</v>
      </c>
      <c r="M32" s="2" t="s">
        <v>15</v>
      </c>
    </row>
    <row r="33" spans="1:13" x14ac:dyDescent="0.25">
      <c r="A33" s="2" t="s">
        <v>172</v>
      </c>
      <c r="B33" s="2" t="s">
        <v>13</v>
      </c>
      <c r="C33" s="2" t="s">
        <v>173</v>
      </c>
      <c r="D33" s="2" t="s">
        <v>174</v>
      </c>
      <c r="E33" s="2" t="s">
        <v>24</v>
      </c>
      <c r="F33" s="2" t="s">
        <v>25</v>
      </c>
      <c r="G33" s="2" t="s">
        <v>175</v>
      </c>
      <c r="H33" s="2" t="s">
        <v>14</v>
      </c>
      <c r="I33" s="3">
        <v>33982</v>
      </c>
      <c r="J33" s="3">
        <v>44795</v>
      </c>
      <c r="K33" s="2" t="s">
        <v>40</v>
      </c>
      <c r="L33" s="2" t="s">
        <v>102</v>
      </c>
      <c r="M33" s="2" t="s">
        <v>15</v>
      </c>
    </row>
    <row r="34" spans="1:13" x14ac:dyDescent="0.25">
      <c r="A34" s="2" t="s">
        <v>176</v>
      </c>
      <c r="B34" s="2" t="s">
        <v>13</v>
      </c>
      <c r="C34" s="2" t="s">
        <v>177</v>
      </c>
      <c r="D34" s="2" t="s">
        <v>178</v>
      </c>
      <c r="E34" s="2" t="s">
        <v>24</v>
      </c>
      <c r="F34" s="2" t="s">
        <v>25</v>
      </c>
      <c r="G34" s="2" t="s">
        <v>179</v>
      </c>
      <c r="H34" s="2" t="s">
        <v>14</v>
      </c>
      <c r="I34" s="3">
        <v>34217</v>
      </c>
      <c r="J34" s="3">
        <v>44783</v>
      </c>
      <c r="K34" s="2" t="s">
        <v>40</v>
      </c>
      <c r="L34" s="2" t="s">
        <v>102</v>
      </c>
      <c r="M34" s="2" t="s">
        <v>15</v>
      </c>
    </row>
    <row r="35" spans="1:13" x14ac:dyDescent="0.25">
      <c r="A35" s="2" t="s">
        <v>180</v>
      </c>
      <c r="B35" s="2" t="s">
        <v>18</v>
      </c>
      <c r="C35" s="2" t="s">
        <v>181</v>
      </c>
      <c r="D35" s="2" t="s">
        <v>182</v>
      </c>
      <c r="E35" s="2" t="s">
        <v>24</v>
      </c>
      <c r="F35" s="2" t="s">
        <v>25</v>
      </c>
      <c r="G35" s="2" t="s">
        <v>183</v>
      </c>
      <c r="H35" s="2" t="s">
        <v>19</v>
      </c>
      <c r="I35" s="3">
        <v>31657</v>
      </c>
      <c r="J35" s="3">
        <v>44714</v>
      </c>
      <c r="K35" s="2" t="s">
        <v>40</v>
      </c>
      <c r="L35" s="2" t="s">
        <v>51</v>
      </c>
      <c r="M35" s="2" t="s">
        <v>15</v>
      </c>
    </row>
    <row r="36" spans="1:13" x14ac:dyDescent="0.25">
      <c r="A36" s="2" t="s">
        <v>184</v>
      </c>
      <c r="B36" s="2" t="s">
        <v>18</v>
      </c>
      <c r="C36" s="2" t="s">
        <v>185</v>
      </c>
      <c r="D36" s="2" t="s">
        <v>186</v>
      </c>
      <c r="E36" s="2" t="s">
        <v>24</v>
      </c>
      <c r="F36" s="2" t="s">
        <v>25</v>
      </c>
      <c r="G36" s="2" t="s">
        <v>187</v>
      </c>
      <c r="H36" s="2" t="s">
        <v>19</v>
      </c>
      <c r="I36" s="3">
        <v>32828</v>
      </c>
      <c r="J36" s="3">
        <v>44804</v>
      </c>
      <c r="K36" s="2" t="s">
        <v>40</v>
      </c>
      <c r="L36" s="2" t="s">
        <v>61</v>
      </c>
      <c r="M36" s="2" t="s">
        <v>15</v>
      </c>
    </row>
    <row r="37" spans="1:13" x14ac:dyDescent="0.25">
      <c r="A37" s="2" t="s">
        <v>188</v>
      </c>
      <c r="B37" s="2" t="s">
        <v>18</v>
      </c>
      <c r="C37" s="2" t="s">
        <v>189</v>
      </c>
      <c r="D37" s="2" t="s">
        <v>116</v>
      </c>
      <c r="E37" s="2" t="s">
        <v>24</v>
      </c>
      <c r="F37" s="2" t="s">
        <v>25</v>
      </c>
      <c r="G37" s="2" t="s">
        <v>190</v>
      </c>
      <c r="H37" s="2" t="s">
        <v>19</v>
      </c>
      <c r="I37" s="3">
        <v>34595</v>
      </c>
      <c r="J37" s="3">
        <v>44788</v>
      </c>
      <c r="K37" s="2" t="s">
        <v>40</v>
      </c>
      <c r="L37" s="2" t="s">
        <v>51</v>
      </c>
      <c r="M37" s="2" t="s">
        <v>15</v>
      </c>
    </row>
    <row r="38" spans="1:13" x14ac:dyDescent="0.25">
      <c r="A38" s="2" t="s">
        <v>191</v>
      </c>
      <c r="B38" s="2" t="s">
        <v>13</v>
      </c>
      <c r="C38" s="2" t="s">
        <v>34</v>
      </c>
      <c r="D38" s="2" t="s">
        <v>192</v>
      </c>
      <c r="E38" s="2" t="s">
        <v>24</v>
      </c>
      <c r="F38" s="2" t="s">
        <v>25</v>
      </c>
      <c r="G38" s="2" t="s">
        <v>193</v>
      </c>
      <c r="H38" s="2" t="s">
        <v>14</v>
      </c>
      <c r="I38" s="3">
        <v>33375</v>
      </c>
      <c r="J38" s="3">
        <v>44801</v>
      </c>
      <c r="K38" s="2" t="s">
        <v>40</v>
      </c>
      <c r="L38" s="2" t="s">
        <v>61</v>
      </c>
      <c r="M38" s="2" t="s">
        <v>15</v>
      </c>
    </row>
    <row r="39" spans="1:13" x14ac:dyDescent="0.25">
      <c r="A39" s="2" t="s">
        <v>194</v>
      </c>
      <c r="B39" s="2" t="s">
        <v>18</v>
      </c>
      <c r="C39" s="2" t="s">
        <v>195</v>
      </c>
      <c r="D39" s="2" t="s">
        <v>196</v>
      </c>
      <c r="E39" s="2" t="s">
        <v>24</v>
      </c>
      <c r="F39" s="2" t="s">
        <v>25</v>
      </c>
      <c r="G39" s="2" t="s">
        <v>197</v>
      </c>
      <c r="H39" s="2" t="s">
        <v>19</v>
      </c>
      <c r="I39" s="3">
        <v>35157</v>
      </c>
      <c r="J39" s="3">
        <v>44788</v>
      </c>
      <c r="K39" s="2" t="s">
        <v>40</v>
      </c>
      <c r="L39" s="2" t="s">
        <v>51</v>
      </c>
      <c r="M39" s="2" t="s">
        <v>15</v>
      </c>
    </row>
    <row r="40" spans="1:13" x14ac:dyDescent="0.25">
      <c r="A40" s="2" t="s">
        <v>198</v>
      </c>
      <c r="B40" s="2" t="s">
        <v>13</v>
      </c>
      <c r="C40" s="2" t="s">
        <v>199</v>
      </c>
      <c r="D40" s="2" t="s">
        <v>200</v>
      </c>
      <c r="E40" s="2" t="s">
        <v>24</v>
      </c>
      <c r="F40" s="2" t="s">
        <v>25</v>
      </c>
      <c r="G40" s="2" t="s">
        <v>201</v>
      </c>
      <c r="H40" s="2" t="s">
        <v>14</v>
      </c>
      <c r="I40" s="3">
        <v>34988</v>
      </c>
      <c r="J40" s="3">
        <v>44788</v>
      </c>
      <c r="K40" s="2" t="s">
        <v>40</v>
      </c>
      <c r="L40" s="2" t="s">
        <v>51</v>
      </c>
      <c r="M40" s="2" t="s">
        <v>15</v>
      </c>
    </row>
    <row r="41" spans="1:13" x14ac:dyDescent="0.25">
      <c r="A41" s="2" t="s">
        <v>202</v>
      </c>
      <c r="B41" s="2" t="s">
        <v>13</v>
      </c>
      <c r="C41" s="2" t="s">
        <v>203</v>
      </c>
      <c r="D41" s="2" t="s">
        <v>86</v>
      </c>
      <c r="E41" s="2" t="s">
        <v>24</v>
      </c>
      <c r="F41" s="2" t="s">
        <v>25</v>
      </c>
      <c r="G41" s="2" t="s">
        <v>204</v>
      </c>
      <c r="H41" s="2" t="s">
        <v>14</v>
      </c>
      <c r="I41" s="3">
        <v>31524</v>
      </c>
      <c r="J41" s="3">
        <v>44785</v>
      </c>
      <c r="K41" s="2" t="s">
        <v>40</v>
      </c>
      <c r="L41" s="2" t="s">
        <v>88</v>
      </c>
      <c r="M41" s="2" t="s">
        <v>15</v>
      </c>
    </row>
    <row r="42" spans="1:13" x14ac:dyDescent="0.25">
      <c r="A42" s="2" t="s">
        <v>205</v>
      </c>
      <c r="B42" s="2" t="s">
        <v>18</v>
      </c>
      <c r="C42" s="2" t="s">
        <v>206</v>
      </c>
      <c r="D42" s="2" t="s">
        <v>182</v>
      </c>
      <c r="E42" s="2" t="s">
        <v>24</v>
      </c>
      <c r="F42" s="2" t="s">
        <v>25</v>
      </c>
      <c r="G42" s="2" t="s">
        <v>207</v>
      </c>
      <c r="H42" s="2" t="s">
        <v>19</v>
      </c>
      <c r="I42" s="3">
        <v>31157</v>
      </c>
      <c r="J42" s="3">
        <v>44714</v>
      </c>
      <c r="K42" s="2" t="s">
        <v>40</v>
      </c>
      <c r="L42" s="2" t="s">
        <v>51</v>
      </c>
      <c r="M42" s="2" t="s">
        <v>15</v>
      </c>
    </row>
    <row r="43" spans="1:13" x14ac:dyDescent="0.25">
      <c r="A43" s="2" t="s">
        <v>208</v>
      </c>
      <c r="B43" s="2" t="s">
        <v>18</v>
      </c>
      <c r="C43" s="2" t="s">
        <v>209</v>
      </c>
      <c r="D43" s="2" t="s">
        <v>210</v>
      </c>
      <c r="E43" s="2" t="s">
        <v>24</v>
      </c>
      <c r="F43" s="2" t="s">
        <v>25</v>
      </c>
      <c r="G43" s="2" t="s">
        <v>211</v>
      </c>
      <c r="H43" s="2" t="s">
        <v>19</v>
      </c>
      <c r="I43" s="3">
        <v>33848</v>
      </c>
      <c r="J43" s="3">
        <v>44769</v>
      </c>
      <c r="K43" s="2" t="s">
        <v>40</v>
      </c>
      <c r="L43" s="2" t="s">
        <v>212</v>
      </c>
      <c r="M43" s="2" t="s">
        <v>15</v>
      </c>
    </row>
    <row r="44" spans="1:13" x14ac:dyDescent="0.25">
      <c r="A44" s="2" t="s">
        <v>213</v>
      </c>
      <c r="B44" s="2" t="s">
        <v>18</v>
      </c>
      <c r="C44" s="2" t="s">
        <v>214</v>
      </c>
      <c r="D44" s="2" t="s">
        <v>86</v>
      </c>
      <c r="E44" s="2" t="s">
        <v>24</v>
      </c>
      <c r="F44" s="2" t="s">
        <v>25</v>
      </c>
      <c r="G44" s="2" t="s">
        <v>215</v>
      </c>
      <c r="H44" s="2" t="s">
        <v>19</v>
      </c>
      <c r="I44" s="3">
        <v>35155</v>
      </c>
      <c r="J44" s="3">
        <v>44748</v>
      </c>
      <c r="K44" s="2" t="s">
        <v>40</v>
      </c>
      <c r="L44" s="2" t="s">
        <v>88</v>
      </c>
      <c r="M44" s="2" t="s">
        <v>15</v>
      </c>
    </row>
    <row r="45" spans="1:13" x14ac:dyDescent="0.25">
      <c r="A45" s="2" t="s">
        <v>216</v>
      </c>
      <c r="B45" s="2" t="s">
        <v>18</v>
      </c>
      <c r="C45" s="2" t="s">
        <v>217</v>
      </c>
      <c r="D45" s="2" t="s">
        <v>218</v>
      </c>
      <c r="E45" s="2" t="s">
        <v>24</v>
      </c>
      <c r="F45" s="2" t="s">
        <v>25</v>
      </c>
      <c r="G45" s="2" t="s">
        <v>219</v>
      </c>
      <c r="H45" s="2" t="s">
        <v>19</v>
      </c>
      <c r="I45" s="3">
        <v>32208</v>
      </c>
      <c r="J45" s="3">
        <v>44740</v>
      </c>
      <c r="K45" s="2" t="s">
        <v>40</v>
      </c>
      <c r="L45" s="2" t="s">
        <v>51</v>
      </c>
      <c r="M45" s="2" t="s">
        <v>15</v>
      </c>
    </row>
    <row r="46" spans="1:13" x14ac:dyDescent="0.25">
      <c r="A46" s="2" t="s">
        <v>220</v>
      </c>
      <c r="B46" s="2" t="s">
        <v>20</v>
      </c>
      <c r="C46" s="2" t="s">
        <v>221</v>
      </c>
      <c r="D46" s="2" t="s">
        <v>222</v>
      </c>
      <c r="E46" s="2" t="s">
        <v>24</v>
      </c>
      <c r="F46" s="2" t="s">
        <v>25</v>
      </c>
      <c r="G46" s="2" t="s">
        <v>223</v>
      </c>
      <c r="H46" s="2" t="s">
        <v>19</v>
      </c>
      <c r="I46" s="3">
        <v>31245</v>
      </c>
      <c r="J46" s="3">
        <v>44817</v>
      </c>
      <c r="K46" s="2" t="s">
        <v>40</v>
      </c>
      <c r="L46" s="2" t="s">
        <v>51</v>
      </c>
      <c r="M46" s="2" t="s">
        <v>15</v>
      </c>
    </row>
    <row r="47" spans="1:13" x14ac:dyDescent="0.25">
      <c r="A47" s="2" t="s">
        <v>224</v>
      </c>
      <c r="B47" s="2" t="s">
        <v>18</v>
      </c>
      <c r="C47" s="2" t="s">
        <v>225</v>
      </c>
      <c r="D47" s="2" t="s">
        <v>226</v>
      </c>
      <c r="E47" s="2" t="s">
        <v>24</v>
      </c>
      <c r="F47" s="2" t="s">
        <v>25</v>
      </c>
      <c r="G47" s="2" t="s">
        <v>227</v>
      </c>
      <c r="H47" s="2" t="s">
        <v>19</v>
      </c>
      <c r="I47" s="3">
        <v>34509</v>
      </c>
      <c r="J47" s="3">
        <v>44837</v>
      </c>
      <c r="K47" s="2" t="s">
        <v>40</v>
      </c>
      <c r="L47" s="2" t="s">
        <v>51</v>
      </c>
      <c r="M47" s="2" t="s">
        <v>15</v>
      </c>
    </row>
    <row r="48" spans="1:13" x14ac:dyDescent="0.25">
      <c r="A48" s="2" t="s">
        <v>228</v>
      </c>
      <c r="B48" s="2" t="s">
        <v>18</v>
      </c>
      <c r="C48" s="2" t="s">
        <v>229</v>
      </c>
      <c r="D48" s="2" t="s">
        <v>230</v>
      </c>
      <c r="E48" s="2" t="s">
        <v>24</v>
      </c>
      <c r="F48" s="2" t="s">
        <v>25</v>
      </c>
      <c r="G48" s="2" t="s">
        <v>231</v>
      </c>
      <c r="H48" s="2" t="s">
        <v>19</v>
      </c>
      <c r="I48" s="3">
        <v>33974</v>
      </c>
      <c r="J48" s="3">
        <v>44847</v>
      </c>
      <c r="K48" s="2" t="s">
        <v>40</v>
      </c>
      <c r="L48" s="2" t="s">
        <v>51</v>
      </c>
      <c r="M48" s="2" t="s">
        <v>15</v>
      </c>
    </row>
    <row r="49" spans="1:13" x14ac:dyDescent="0.25">
      <c r="A49" s="2" t="s">
        <v>232</v>
      </c>
      <c r="B49" s="2" t="s">
        <v>13</v>
      </c>
      <c r="C49" s="2" t="s">
        <v>233</v>
      </c>
      <c r="D49" s="2" t="s">
        <v>174</v>
      </c>
      <c r="E49" s="2" t="s">
        <v>24</v>
      </c>
      <c r="F49" s="2" t="s">
        <v>25</v>
      </c>
      <c r="G49" s="2" t="s">
        <v>234</v>
      </c>
      <c r="H49" s="2" t="s">
        <v>14</v>
      </c>
      <c r="I49" s="3">
        <v>33715</v>
      </c>
      <c r="J49" s="3">
        <v>44795</v>
      </c>
      <c r="K49" s="2" t="s">
        <v>40</v>
      </c>
      <c r="L49" s="2" t="s">
        <v>102</v>
      </c>
      <c r="M49" s="2" t="s">
        <v>15</v>
      </c>
    </row>
    <row r="50" spans="1:13" x14ac:dyDescent="0.25">
      <c r="A50" s="2" t="s">
        <v>235</v>
      </c>
      <c r="B50" s="2" t="s">
        <v>20</v>
      </c>
      <c r="C50" s="2" t="s">
        <v>236</v>
      </c>
      <c r="D50" s="2" t="s">
        <v>237</v>
      </c>
      <c r="E50" s="2" t="s">
        <v>24</v>
      </c>
      <c r="F50" s="2" t="s">
        <v>25</v>
      </c>
      <c r="G50" s="2" t="s">
        <v>238</v>
      </c>
      <c r="H50" s="2" t="s">
        <v>19</v>
      </c>
      <c r="I50" s="3">
        <v>27685</v>
      </c>
      <c r="J50" s="3">
        <v>44820</v>
      </c>
      <c r="K50" s="2" t="s">
        <v>40</v>
      </c>
      <c r="L50" s="2" t="s">
        <v>212</v>
      </c>
      <c r="M50" s="2" t="s">
        <v>15</v>
      </c>
    </row>
    <row r="51" spans="1:13" x14ac:dyDescent="0.25">
      <c r="A51" s="2" t="s">
        <v>239</v>
      </c>
      <c r="B51" s="2" t="s">
        <v>13</v>
      </c>
      <c r="C51" s="2" t="s">
        <v>240</v>
      </c>
      <c r="D51" s="2" t="s">
        <v>241</v>
      </c>
      <c r="E51" s="2" t="s">
        <v>24</v>
      </c>
      <c r="F51" s="2" t="s">
        <v>25</v>
      </c>
      <c r="G51" s="2" t="s">
        <v>242</v>
      </c>
      <c r="H51" s="2" t="s">
        <v>14</v>
      </c>
      <c r="I51" s="3">
        <v>32615</v>
      </c>
      <c r="J51" s="3">
        <v>44776</v>
      </c>
      <c r="K51" s="2" t="s">
        <v>40</v>
      </c>
      <c r="L51" s="2" t="s">
        <v>212</v>
      </c>
      <c r="M51" s="2" t="s">
        <v>15</v>
      </c>
    </row>
    <row r="52" spans="1:13" x14ac:dyDescent="0.25">
      <c r="A52" s="2" t="s">
        <v>243</v>
      </c>
      <c r="B52" s="2" t="s">
        <v>20</v>
      </c>
      <c r="C52" s="2" t="s">
        <v>244</v>
      </c>
      <c r="D52" s="2" t="s">
        <v>245</v>
      </c>
      <c r="E52" s="2" t="s">
        <v>24</v>
      </c>
      <c r="F52" s="2" t="s">
        <v>25</v>
      </c>
      <c r="G52" s="2" t="s">
        <v>246</v>
      </c>
      <c r="H52" s="2" t="s">
        <v>19</v>
      </c>
      <c r="I52" s="3">
        <v>34666</v>
      </c>
      <c r="J52" s="3">
        <v>44823</v>
      </c>
      <c r="K52" s="2" t="s">
        <v>40</v>
      </c>
      <c r="L52" s="2" t="s">
        <v>212</v>
      </c>
      <c r="M52" s="2" t="s">
        <v>15</v>
      </c>
    </row>
    <row r="53" spans="1:13" x14ac:dyDescent="0.25">
      <c r="A53" s="2" t="s">
        <v>247</v>
      </c>
      <c r="B53" s="2" t="s">
        <v>20</v>
      </c>
      <c r="C53" s="2" t="s">
        <v>248</v>
      </c>
      <c r="D53" s="2" t="s">
        <v>249</v>
      </c>
      <c r="E53" s="2" t="s">
        <v>24</v>
      </c>
      <c r="F53" s="2" t="s">
        <v>25</v>
      </c>
      <c r="G53" s="2" t="s">
        <v>250</v>
      </c>
      <c r="H53" s="2" t="s">
        <v>19</v>
      </c>
      <c r="I53" s="3">
        <v>32589</v>
      </c>
      <c r="J53" s="3">
        <v>44817</v>
      </c>
      <c r="K53" s="2" t="s">
        <v>40</v>
      </c>
      <c r="L53" s="2" t="s">
        <v>212</v>
      </c>
      <c r="M53" s="2" t="s">
        <v>15</v>
      </c>
    </row>
    <row r="54" spans="1:13" x14ac:dyDescent="0.25">
      <c r="A54" s="2" t="s">
        <v>251</v>
      </c>
      <c r="B54" s="2" t="s">
        <v>18</v>
      </c>
      <c r="C54" s="2" t="s">
        <v>252</v>
      </c>
      <c r="D54" s="2" t="s">
        <v>253</v>
      </c>
      <c r="E54" s="2" t="s">
        <v>24</v>
      </c>
      <c r="F54" s="2" t="s">
        <v>25</v>
      </c>
      <c r="G54" s="2" t="s">
        <v>254</v>
      </c>
      <c r="H54" s="2" t="s">
        <v>19</v>
      </c>
      <c r="I54" s="3">
        <v>31908</v>
      </c>
      <c r="J54" s="3">
        <v>44803</v>
      </c>
      <c r="K54" s="2" t="s">
        <v>40</v>
      </c>
      <c r="L54" s="2" t="s">
        <v>255</v>
      </c>
      <c r="M54" s="2" t="s">
        <v>15</v>
      </c>
    </row>
    <row r="55" spans="1:13" x14ac:dyDescent="0.25">
      <c r="A55" s="2" t="s">
        <v>256</v>
      </c>
      <c r="B55" s="2" t="s">
        <v>13</v>
      </c>
      <c r="C55" s="2" t="s">
        <v>257</v>
      </c>
      <c r="D55" s="2" t="s">
        <v>258</v>
      </c>
      <c r="E55" s="2" t="s">
        <v>24</v>
      </c>
      <c r="F55" s="2" t="s">
        <v>25</v>
      </c>
      <c r="G55" s="2" t="s">
        <v>259</v>
      </c>
      <c r="H55" s="2" t="s">
        <v>14</v>
      </c>
      <c r="I55" s="3">
        <v>34038</v>
      </c>
      <c r="J55" s="3">
        <v>44725</v>
      </c>
      <c r="K55" s="2" t="s">
        <v>40</v>
      </c>
      <c r="L55" s="2" t="s">
        <v>61</v>
      </c>
      <c r="M55" s="2" t="s">
        <v>15</v>
      </c>
    </row>
    <row r="56" spans="1:13" x14ac:dyDescent="0.25">
      <c r="A56" s="2" t="s">
        <v>260</v>
      </c>
      <c r="B56" s="2" t="s">
        <v>18</v>
      </c>
      <c r="C56" s="2" t="s">
        <v>261</v>
      </c>
      <c r="D56" s="2" t="s">
        <v>262</v>
      </c>
      <c r="E56" s="2" t="s">
        <v>24</v>
      </c>
      <c r="F56" s="2" t="s">
        <v>25</v>
      </c>
      <c r="G56" s="2" t="s">
        <v>263</v>
      </c>
      <c r="H56" s="2" t="s">
        <v>19</v>
      </c>
      <c r="I56" s="3">
        <v>30628</v>
      </c>
      <c r="J56" s="3">
        <v>44817</v>
      </c>
      <c r="K56" s="2" t="s">
        <v>40</v>
      </c>
      <c r="L56" s="2" t="s">
        <v>212</v>
      </c>
      <c r="M56" s="2" t="s">
        <v>15</v>
      </c>
    </row>
    <row r="57" spans="1:13" x14ac:dyDescent="0.25">
      <c r="A57" s="2" t="s">
        <v>264</v>
      </c>
      <c r="B57" s="2" t="s">
        <v>20</v>
      </c>
      <c r="C57" s="2" t="s">
        <v>265</v>
      </c>
      <c r="D57" s="2" t="s">
        <v>266</v>
      </c>
      <c r="E57" s="2" t="s">
        <v>24</v>
      </c>
      <c r="F57" s="2" t="s">
        <v>25</v>
      </c>
      <c r="G57" s="2" t="s">
        <v>267</v>
      </c>
      <c r="H57" s="2" t="s">
        <v>19</v>
      </c>
      <c r="I57" s="3">
        <v>34303</v>
      </c>
      <c r="J57" s="3">
        <v>44818</v>
      </c>
      <c r="K57" s="2" t="s">
        <v>40</v>
      </c>
      <c r="L57" s="2" t="s">
        <v>148</v>
      </c>
      <c r="M57" s="2" t="s">
        <v>15</v>
      </c>
    </row>
    <row r="58" spans="1:13" x14ac:dyDescent="0.25">
      <c r="A58" s="2" t="s">
        <v>268</v>
      </c>
      <c r="B58" s="2" t="s">
        <v>13</v>
      </c>
      <c r="C58" s="2" t="s">
        <v>269</v>
      </c>
      <c r="D58" s="2" t="s">
        <v>174</v>
      </c>
      <c r="E58" s="2" t="s">
        <v>24</v>
      </c>
      <c r="F58" s="2" t="s">
        <v>25</v>
      </c>
      <c r="G58" s="2" t="s">
        <v>270</v>
      </c>
      <c r="H58" s="2" t="s">
        <v>14</v>
      </c>
      <c r="I58" s="3">
        <v>33969</v>
      </c>
      <c r="J58" s="3">
        <v>44790</v>
      </c>
      <c r="K58" s="2" t="s">
        <v>40</v>
      </c>
      <c r="L58" s="2" t="s">
        <v>271</v>
      </c>
      <c r="M58" s="2" t="s">
        <v>15</v>
      </c>
    </row>
    <row r="59" spans="1:13" x14ac:dyDescent="0.25">
      <c r="A59" s="2" t="s">
        <v>272</v>
      </c>
      <c r="B59" s="2" t="s">
        <v>13</v>
      </c>
      <c r="C59" s="2" t="s">
        <v>273</v>
      </c>
      <c r="D59" s="2" t="s">
        <v>274</v>
      </c>
      <c r="E59" s="2" t="s">
        <v>24</v>
      </c>
      <c r="F59" s="2" t="s">
        <v>25</v>
      </c>
      <c r="G59" s="2" t="s">
        <v>275</v>
      </c>
      <c r="H59" s="2" t="s">
        <v>14</v>
      </c>
      <c r="I59" s="3">
        <v>32033</v>
      </c>
      <c r="J59" s="3">
        <v>44713</v>
      </c>
      <c r="K59" s="2" t="s">
        <v>40</v>
      </c>
      <c r="L59" s="2" t="s">
        <v>51</v>
      </c>
      <c r="M59" s="2" t="s">
        <v>15</v>
      </c>
    </row>
    <row r="60" spans="1:13" x14ac:dyDescent="0.25">
      <c r="A60" s="2" t="s">
        <v>276</v>
      </c>
      <c r="B60" s="2" t="s">
        <v>13</v>
      </c>
      <c r="C60" s="2" t="s">
        <v>277</v>
      </c>
      <c r="D60" s="2" t="s">
        <v>124</v>
      </c>
      <c r="E60" s="2" t="s">
        <v>24</v>
      </c>
      <c r="F60" s="2" t="s">
        <v>25</v>
      </c>
      <c r="G60" s="2" t="s">
        <v>278</v>
      </c>
      <c r="H60" s="2" t="s">
        <v>14</v>
      </c>
      <c r="I60" s="3">
        <v>32520</v>
      </c>
      <c r="J60" s="3">
        <v>44775</v>
      </c>
      <c r="K60" s="2" t="s">
        <v>40</v>
      </c>
      <c r="L60" s="2" t="s">
        <v>51</v>
      </c>
      <c r="M60" s="2" t="s">
        <v>15</v>
      </c>
    </row>
    <row r="61" spans="1:13" x14ac:dyDescent="0.25">
      <c r="A61" s="2" t="s">
        <v>279</v>
      </c>
      <c r="B61" s="2" t="s">
        <v>18</v>
      </c>
      <c r="C61" s="2" t="s">
        <v>280</v>
      </c>
      <c r="D61" s="2" t="s">
        <v>281</v>
      </c>
      <c r="E61" s="2" t="s">
        <v>24</v>
      </c>
      <c r="F61" s="2" t="s">
        <v>25</v>
      </c>
      <c r="G61" s="2" t="s">
        <v>282</v>
      </c>
      <c r="H61" s="2" t="s">
        <v>19</v>
      </c>
      <c r="I61" s="3">
        <v>33328</v>
      </c>
      <c r="J61" s="3">
        <v>44818</v>
      </c>
      <c r="K61" s="2" t="s">
        <v>40</v>
      </c>
      <c r="L61" s="2" t="s">
        <v>212</v>
      </c>
      <c r="M61" s="2" t="s">
        <v>15</v>
      </c>
    </row>
    <row r="62" spans="1:13" x14ac:dyDescent="0.25">
      <c r="A62" s="2" t="s">
        <v>283</v>
      </c>
      <c r="B62" s="2" t="s">
        <v>20</v>
      </c>
      <c r="C62" s="2" t="s">
        <v>284</v>
      </c>
      <c r="D62" s="2" t="s">
        <v>285</v>
      </c>
      <c r="E62" s="2" t="s">
        <v>24</v>
      </c>
      <c r="F62" s="2" t="s">
        <v>25</v>
      </c>
      <c r="G62" s="2" t="s">
        <v>286</v>
      </c>
      <c r="H62" s="2" t="s">
        <v>19</v>
      </c>
      <c r="I62" s="3">
        <v>32711</v>
      </c>
      <c r="J62" s="3">
        <v>44782</v>
      </c>
      <c r="K62" s="2" t="s">
        <v>40</v>
      </c>
      <c r="L62" s="2" t="s">
        <v>46</v>
      </c>
      <c r="M62" s="2" t="s">
        <v>15</v>
      </c>
    </row>
    <row r="63" spans="1:13" x14ac:dyDescent="0.25">
      <c r="A63" s="2" t="s">
        <v>287</v>
      </c>
      <c r="B63" s="2" t="s">
        <v>13</v>
      </c>
      <c r="C63" s="2" t="s">
        <v>288</v>
      </c>
      <c r="D63" s="2" t="s">
        <v>289</v>
      </c>
      <c r="E63" s="2" t="s">
        <v>24</v>
      </c>
      <c r="F63" s="2" t="s">
        <v>25</v>
      </c>
      <c r="G63" s="2" t="s">
        <v>290</v>
      </c>
      <c r="H63" s="2" t="s">
        <v>14</v>
      </c>
      <c r="I63" s="3">
        <v>34085</v>
      </c>
      <c r="J63" s="3">
        <v>44809</v>
      </c>
      <c r="K63" s="2" t="s">
        <v>40</v>
      </c>
      <c r="L63" s="2" t="s">
        <v>46</v>
      </c>
      <c r="M63" s="2" t="s">
        <v>15</v>
      </c>
    </row>
    <row r="64" spans="1:13" x14ac:dyDescent="0.25">
      <c r="A64" s="2" t="s">
        <v>291</v>
      </c>
      <c r="B64" s="2" t="s">
        <v>13</v>
      </c>
      <c r="C64" s="2" t="s">
        <v>292</v>
      </c>
      <c r="D64" s="2" t="s">
        <v>293</v>
      </c>
      <c r="E64" s="2" t="s">
        <v>24</v>
      </c>
      <c r="F64" s="2" t="s">
        <v>25</v>
      </c>
      <c r="G64" s="2" t="s">
        <v>294</v>
      </c>
      <c r="H64" s="2" t="s">
        <v>14</v>
      </c>
      <c r="I64" s="3">
        <v>32502</v>
      </c>
      <c r="J64" s="3">
        <v>44813</v>
      </c>
      <c r="K64" s="2" t="s">
        <v>40</v>
      </c>
      <c r="L64" s="2" t="s">
        <v>41</v>
      </c>
      <c r="M64" s="2" t="s">
        <v>15</v>
      </c>
    </row>
    <row r="65" spans="1:13" x14ac:dyDescent="0.25">
      <c r="A65" s="2" t="s">
        <v>295</v>
      </c>
      <c r="B65" s="2" t="s">
        <v>18</v>
      </c>
      <c r="C65" s="2" t="s">
        <v>296</v>
      </c>
      <c r="D65" s="2" t="s">
        <v>297</v>
      </c>
      <c r="E65" s="2" t="s">
        <v>24</v>
      </c>
      <c r="F65" s="2" t="s">
        <v>25</v>
      </c>
      <c r="G65" s="2" t="s">
        <v>298</v>
      </c>
      <c r="H65" s="2" t="s">
        <v>19</v>
      </c>
      <c r="I65" s="3">
        <v>34828</v>
      </c>
      <c r="J65" s="3">
        <v>44817</v>
      </c>
      <c r="K65" s="2" t="s">
        <v>40</v>
      </c>
      <c r="L65" s="2" t="s">
        <v>271</v>
      </c>
      <c r="M65" s="2" t="s">
        <v>15</v>
      </c>
    </row>
    <row r="66" spans="1:13" x14ac:dyDescent="0.25">
      <c r="A66" s="2" t="s">
        <v>299</v>
      </c>
      <c r="B66" s="2" t="s">
        <v>13</v>
      </c>
      <c r="C66" s="2" t="s">
        <v>300</v>
      </c>
      <c r="D66" s="2" t="s">
        <v>174</v>
      </c>
      <c r="E66" s="2" t="s">
        <v>24</v>
      </c>
      <c r="F66" s="2" t="s">
        <v>25</v>
      </c>
      <c r="G66" s="2" t="s">
        <v>301</v>
      </c>
      <c r="H66" s="2" t="s">
        <v>14</v>
      </c>
      <c r="I66" s="3">
        <v>33239</v>
      </c>
      <c r="J66" s="3">
        <v>44806</v>
      </c>
      <c r="K66" s="2" t="s">
        <v>40</v>
      </c>
      <c r="L66" s="2" t="s">
        <v>271</v>
      </c>
      <c r="M66" s="2" t="s">
        <v>15</v>
      </c>
    </row>
    <row r="67" spans="1:13" x14ac:dyDescent="0.25">
      <c r="A67" s="2" t="s">
        <v>302</v>
      </c>
      <c r="B67" s="2" t="s">
        <v>13</v>
      </c>
      <c r="C67" s="2" t="s">
        <v>303</v>
      </c>
      <c r="D67" s="2" t="s">
        <v>304</v>
      </c>
      <c r="E67" s="2" t="s">
        <v>24</v>
      </c>
      <c r="F67" s="2" t="s">
        <v>25</v>
      </c>
      <c r="G67" s="2" t="s">
        <v>305</v>
      </c>
      <c r="H67" s="2" t="s">
        <v>14</v>
      </c>
      <c r="I67" s="3">
        <v>32088</v>
      </c>
      <c r="J67" s="3">
        <v>44818</v>
      </c>
      <c r="K67" s="2" t="s">
        <v>40</v>
      </c>
      <c r="L67" s="2" t="s">
        <v>61</v>
      </c>
      <c r="M67" s="2" t="s">
        <v>15</v>
      </c>
    </row>
    <row r="68" spans="1:13" x14ac:dyDescent="0.25">
      <c r="A68" s="2" t="s">
        <v>306</v>
      </c>
      <c r="B68" s="2" t="s">
        <v>13</v>
      </c>
      <c r="C68" s="2" t="s">
        <v>307</v>
      </c>
      <c r="D68" s="2" t="s">
        <v>308</v>
      </c>
      <c r="E68" s="2" t="s">
        <v>24</v>
      </c>
      <c r="F68" s="2" t="s">
        <v>25</v>
      </c>
      <c r="G68" s="2" t="s">
        <v>309</v>
      </c>
      <c r="H68" s="2" t="s">
        <v>14</v>
      </c>
      <c r="I68" s="3">
        <v>34320</v>
      </c>
      <c r="J68" s="3">
        <v>44812</v>
      </c>
      <c r="K68" s="2" t="s">
        <v>40</v>
      </c>
      <c r="L68" s="2" t="s">
        <v>310</v>
      </c>
      <c r="M68" s="2" t="s">
        <v>15</v>
      </c>
    </row>
    <row r="69" spans="1:13" x14ac:dyDescent="0.25">
      <c r="A69" s="2" t="s">
        <v>311</v>
      </c>
      <c r="B69" s="2" t="s">
        <v>18</v>
      </c>
      <c r="C69" s="2" t="s">
        <v>312</v>
      </c>
      <c r="D69" s="2" t="s">
        <v>38</v>
      </c>
      <c r="E69" s="2" t="s">
        <v>24</v>
      </c>
      <c r="F69" s="2" t="s">
        <v>25</v>
      </c>
      <c r="G69" s="2" t="s">
        <v>313</v>
      </c>
      <c r="H69" s="2" t="s">
        <v>19</v>
      </c>
      <c r="I69" s="3">
        <v>33053</v>
      </c>
      <c r="J69" s="3">
        <v>44739</v>
      </c>
      <c r="K69" s="2" t="s">
        <v>40</v>
      </c>
      <c r="L69" s="2" t="s">
        <v>41</v>
      </c>
      <c r="M69" s="2" t="s">
        <v>15</v>
      </c>
    </row>
    <row r="70" spans="1:13" x14ac:dyDescent="0.25">
      <c r="A70" s="2" t="s">
        <v>314</v>
      </c>
      <c r="B70" s="2" t="s">
        <v>18</v>
      </c>
      <c r="C70" s="2" t="s">
        <v>315</v>
      </c>
      <c r="D70" s="2" t="s">
        <v>38</v>
      </c>
      <c r="E70" s="2" t="s">
        <v>24</v>
      </c>
      <c r="F70" s="2" t="s">
        <v>25</v>
      </c>
      <c r="G70" s="2" t="s">
        <v>316</v>
      </c>
      <c r="H70" s="2" t="s">
        <v>19</v>
      </c>
      <c r="I70" s="3">
        <v>32866</v>
      </c>
      <c r="J70" s="3">
        <v>44761</v>
      </c>
      <c r="K70" s="2" t="s">
        <v>40</v>
      </c>
      <c r="L70" s="2" t="s">
        <v>41</v>
      </c>
      <c r="M70" s="2" t="s">
        <v>15</v>
      </c>
    </row>
    <row r="71" spans="1:13" x14ac:dyDescent="0.25">
      <c r="A71" s="2" t="s">
        <v>317</v>
      </c>
      <c r="B71" s="2" t="s">
        <v>13</v>
      </c>
      <c r="C71" s="2" t="s">
        <v>318</v>
      </c>
      <c r="D71" s="2" t="s">
        <v>319</v>
      </c>
      <c r="E71" s="2" t="s">
        <v>24</v>
      </c>
      <c r="F71" s="2" t="s">
        <v>25</v>
      </c>
      <c r="G71" s="2" t="s">
        <v>320</v>
      </c>
      <c r="H71" s="2" t="s">
        <v>14</v>
      </c>
      <c r="I71" s="3">
        <v>32450</v>
      </c>
      <c r="J71" s="3">
        <v>44728</v>
      </c>
      <c r="K71" s="2" t="s">
        <v>40</v>
      </c>
      <c r="L71" s="2" t="s">
        <v>41</v>
      </c>
      <c r="M71" s="2" t="s">
        <v>15</v>
      </c>
    </row>
    <row r="72" spans="1:13" x14ac:dyDescent="0.25">
      <c r="A72" s="2" t="s">
        <v>321</v>
      </c>
      <c r="B72" s="2" t="s">
        <v>18</v>
      </c>
      <c r="C72" s="2" t="s">
        <v>322</v>
      </c>
      <c r="D72" s="2" t="s">
        <v>323</v>
      </c>
      <c r="E72" s="2" t="s">
        <v>24</v>
      </c>
      <c r="F72" s="2" t="s">
        <v>25</v>
      </c>
      <c r="G72" s="2" t="s">
        <v>324</v>
      </c>
      <c r="H72" s="2" t="s">
        <v>19</v>
      </c>
      <c r="I72" s="3">
        <v>33135</v>
      </c>
      <c r="J72" s="3">
        <v>44769</v>
      </c>
      <c r="K72" s="2" t="s">
        <v>40</v>
      </c>
      <c r="L72" s="2" t="s">
        <v>46</v>
      </c>
      <c r="M72" s="2" t="s">
        <v>15</v>
      </c>
    </row>
    <row r="73" spans="1:13" x14ac:dyDescent="0.25">
      <c r="A73" s="2" t="s">
        <v>325</v>
      </c>
      <c r="B73" s="2" t="s">
        <v>13</v>
      </c>
      <c r="C73" s="2" t="s">
        <v>326</v>
      </c>
      <c r="D73" s="2" t="s">
        <v>116</v>
      </c>
      <c r="E73" s="2" t="s">
        <v>26</v>
      </c>
      <c r="F73" s="2" t="s">
        <v>27</v>
      </c>
      <c r="G73" s="2" t="s">
        <v>327</v>
      </c>
      <c r="H73" s="2" t="s">
        <v>14</v>
      </c>
      <c r="I73" s="3">
        <v>35294</v>
      </c>
      <c r="J73" s="3">
        <v>44818</v>
      </c>
      <c r="K73" s="2" t="s">
        <v>40</v>
      </c>
      <c r="L73" s="2" t="s">
        <v>51</v>
      </c>
      <c r="M73" s="2" t="s">
        <v>15</v>
      </c>
    </row>
    <row r="74" spans="1:13" x14ac:dyDescent="0.25">
      <c r="A74" s="2" t="s">
        <v>328</v>
      </c>
      <c r="B74" s="2" t="s">
        <v>18</v>
      </c>
      <c r="C74" s="2" t="s">
        <v>329</v>
      </c>
      <c r="D74" s="2" t="s">
        <v>330</v>
      </c>
      <c r="E74" s="2" t="s">
        <v>24</v>
      </c>
      <c r="F74" s="2" t="s">
        <v>25</v>
      </c>
      <c r="G74" s="2" t="s">
        <v>331</v>
      </c>
      <c r="H74" s="2" t="s">
        <v>19</v>
      </c>
      <c r="I74" s="3">
        <v>34198</v>
      </c>
      <c r="J74" s="3">
        <v>44760</v>
      </c>
      <c r="K74" s="2" t="s">
        <v>40</v>
      </c>
      <c r="L74" s="2" t="s">
        <v>332</v>
      </c>
      <c r="M74" s="2" t="s">
        <v>15</v>
      </c>
    </row>
    <row r="75" spans="1:13" x14ac:dyDescent="0.25">
      <c r="A75" s="2" t="s">
        <v>333</v>
      </c>
      <c r="B75" s="2" t="s">
        <v>18</v>
      </c>
      <c r="C75" s="2" t="s">
        <v>334</v>
      </c>
      <c r="D75" s="2" t="s">
        <v>330</v>
      </c>
      <c r="E75" s="2" t="s">
        <v>24</v>
      </c>
      <c r="F75" s="2" t="s">
        <v>25</v>
      </c>
      <c r="G75" s="2" t="s">
        <v>335</v>
      </c>
      <c r="H75" s="2" t="s">
        <v>19</v>
      </c>
      <c r="I75" s="3">
        <v>32046</v>
      </c>
      <c r="J75" s="3">
        <v>44746</v>
      </c>
      <c r="K75" s="2" t="s">
        <v>40</v>
      </c>
      <c r="L75" s="2" t="s">
        <v>332</v>
      </c>
      <c r="M75" s="2" t="s">
        <v>15</v>
      </c>
    </row>
    <row r="76" spans="1:13" x14ac:dyDescent="0.25">
      <c r="A76" s="2" t="s">
        <v>336</v>
      </c>
      <c r="B76" s="2" t="s">
        <v>13</v>
      </c>
      <c r="C76" s="2" t="s">
        <v>337</v>
      </c>
      <c r="D76" s="2" t="s">
        <v>330</v>
      </c>
      <c r="E76" s="2" t="s">
        <v>24</v>
      </c>
      <c r="F76" s="2" t="s">
        <v>25</v>
      </c>
      <c r="G76" s="2" t="s">
        <v>338</v>
      </c>
      <c r="H76" s="2" t="s">
        <v>14</v>
      </c>
      <c r="I76" s="3">
        <v>33087</v>
      </c>
      <c r="J76" s="3">
        <v>44760</v>
      </c>
      <c r="K76" s="2" t="s">
        <v>40</v>
      </c>
      <c r="L76" s="2" t="s">
        <v>332</v>
      </c>
      <c r="M76" s="2" t="s">
        <v>15</v>
      </c>
    </row>
    <row r="77" spans="1:13" x14ac:dyDescent="0.25">
      <c r="A77" s="2" t="s">
        <v>339</v>
      </c>
      <c r="B77" s="2" t="s">
        <v>18</v>
      </c>
      <c r="C77" s="2" t="s">
        <v>340</v>
      </c>
      <c r="D77" s="2" t="s">
        <v>116</v>
      </c>
      <c r="E77" s="2" t="s">
        <v>24</v>
      </c>
      <c r="F77" s="2" t="s">
        <v>25</v>
      </c>
      <c r="G77" s="2" t="s">
        <v>341</v>
      </c>
      <c r="H77" s="2" t="s">
        <v>19</v>
      </c>
      <c r="I77" s="3">
        <v>34344</v>
      </c>
      <c r="J77" s="3">
        <v>44823</v>
      </c>
      <c r="K77" s="2" t="s">
        <v>40</v>
      </c>
      <c r="L77" s="2" t="s">
        <v>51</v>
      </c>
      <c r="M77" s="2" t="s">
        <v>15</v>
      </c>
    </row>
    <row r="78" spans="1:13" x14ac:dyDescent="0.25">
      <c r="A78" s="2" t="s">
        <v>342</v>
      </c>
      <c r="B78" s="2" t="s">
        <v>13</v>
      </c>
      <c r="C78" s="2" t="s">
        <v>343</v>
      </c>
      <c r="D78" s="2" t="s">
        <v>196</v>
      </c>
      <c r="E78" s="2" t="s">
        <v>24</v>
      </c>
      <c r="F78" s="2" t="s">
        <v>25</v>
      </c>
      <c r="G78" s="2" t="s">
        <v>344</v>
      </c>
      <c r="H78" s="2" t="s">
        <v>14</v>
      </c>
      <c r="I78" s="3">
        <v>32815</v>
      </c>
      <c r="J78" s="3">
        <v>44760</v>
      </c>
      <c r="K78" s="2" t="s">
        <v>40</v>
      </c>
      <c r="L78" s="2" t="s">
        <v>51</v>
      </c>
      <c r="M78" s="2" t="s">
        <v>15</v>
      </c>
    </row>
    <row r="79" spans="1:13" x14ac:dyDescent="0.25">
      <c r="A79" s="2" t="s">
        <v>345</v>
      </c>
      <c r="B79" s="2" t="s">
        <v>18</v>
      </c>
      <c r="C79" s="2" t="s">
        <v>346</v>
      </c>
      <c r="D79" s="2" t="s">
        <v>116</v>
      </c>
      <c r="E79" s="2" t="s">
        <v>24</v>
      </c>
      <c r="F79" s="2" t="s">
        <v>25</v>
      </c>
      <c r="G79" s="2" t="s">
        <v>347</v>
      </c>
      <c r="H79" s="2" t="s">
        <v>19</v>
      </c>
      <c r="I79" s="3">
        <v>35052</v>
      </c>
      <c r="J79" s="3">
        <v>44713</v>
      </c>
      <c r="K79" s="2" t="s">
        <v>40</v>
      </c>
      <c r="L79" s="2" t="s">
        <v>51</v>
      </c>
      <c r="M79" s="2" t="s">
        <v>15</v>
      </c>
    </row>
    <row r="80" spans="1:13" x14ac:dyDescent="0.25">
      <c r="A80" s="2" t="s">
        <v>348</v>
      </c>
      <c r="B80" s="2" t="s">
        <v>13</v>
      </c>
      <c r="C80" s="2" t="s">
        <v>349</v>
      </c>
      <c r="D80" s="2" t="s">
        <v>350</v>
      </c>
      <c r="E80" s="2" t="s">
        <v>24</v>
      </c>
      <c r="F80" s="2" t="s">
        <v>25</v>
      </c>
      <c r="G80" s="2" t="s">
        <v>351</v>
      </c>
      <c r="H80" s="2" t="s">
        <v>14</v>
      </c>
      <c r="I80" s="3">
        <v>34429</v>
      </c>
      <c r="J80" s="3">
        <v>44760</v>
      </c>
      <c r="K80" s="2" t="s">
        <v>40</v>
      </c>
      <c r="L80" s="2" t="s">
        <v>310</v>
      </c>
      <c r="M80" s="2" t="s">
        <v>15</v>
      </c>
    </row>
    <row r="81" spans="1:13" x14ac:dyDescent="0.25">
      <c r="A81" s="2" t="s">
        <v>352</v>
      </c>
      <c r="B81" s="2" t="s">
        <v>18</v>
      </c>
      <c r="C81" s="2" t="s">
        <v>353</v>
      </c>
      <c r="D81" s="2" t="s">
        <v>116</v>
      </c>
      <c r="E81" s="2" t="s">
        <v>26</v>
      </c>
      <c r="F81" s="2" t="s">
        <v>27</v>
      </c>
      <c r="G81" s="2" t="s">
        <v>354</v>
      </c>
      <c r="H81" s="2" t="s">
        <v>19</v>
      </c>
      <c r="I81" s="3">
        <v>33243</v>
      </c>
      <c r="J81" s="3">
        <v>44817</v>
      </c>
      <c r="K81" s="2" t="s">
        <v>40</v>
      </c>
      <c r="L81" s="2" t="s">
        <v>51</v>
      </c>
      <c r="M81" s="2" t="s">
        <v>15</v>
      </c>
    </row>
    <row r="82" spans="1:13" x14ac:dyDescent="0.25">
      <c r="A82" s="2" t="s">
        <v>355</v>
      </c>
      <c r="B82" s="2" t="s">
        <v>13</v>
      </c>
      <c r="C82" s="2" t="s">
        <v>356</v>
      </c>
      <c r="D82" s="2" t="s">
        <v>357</v>
      </c>
      <c r="E82" s="2" t="s">
        <v>24</v>
      </c>
      <c r="F82" s="2" t="s">
        <v>25</v>
      </c>
      <c r="G82" s="2" t="s">
        <v>358</v>
      </c>
      <c r="H82" s="2" t="s">
        <v>14</v>
      </c>
      <c r="I82" s="3">
        <v>33620</v>
      </c>
      <c r="J82" s="3">
        <v>44756</v>
      </c>
      <c r="K82" s="2" t="s">
        <v>40</v>
      </c>
      <c r="L82" s="2" t="s">
        <v>51</v>
      </c>
      <c r="M82" s="2" t="s">
        <v>15</v>
      </c>
    </row>
    <row r="83" spans="1:13" x14ac:dyDescent="0.25">
      <c r="A83" s="2" t="s">
        <v>359</v>
      </c>
      <c r="B83" s="2" t="s">
        <v>13</v>
      </c>
      <c r="C83" s="2" t="s">
        <v>360</v>
      </c>
      <c r="D83" s="2" t="s">
        <v>361</v>
      </c>
      <c r="E83" s="2" t="s">
        <v>24</v>
      </c>
      <c r="F83" s="2" t="s">
        <v>25</v>
      </c>
      <c r="G83" s="2" t="s">
        <v>362</v>
      </c>
      <c r="H83" s="2" t="s">
        <v>14</v>
      </c>
      <c r="I83" s="3">
        <v>31501</v>
      </c>
      <c r="J83" s="3">
        <v>44789</v>
      </c>
      <c r="K83" s="2" t="s">
        <v>40</v>
      </c>
      <c r="L83" s="2" t="s">
        <v>102</v>
      </c>
      <c r="M83" s="2" t="s">
        <v>15</v>
      </c>
    </row>
    <row r="84" spans="1:13" x14ac:dyDescent="0.25">
      <c r="A84" s="2" t="s">
        <v>363</v>
      </c>
      <c r="B84" s="2" t="s">
        <v>13</v>
      </c>
      <c r="C84" s="2" t="s">
        <v>364</v>
      </c>
      <c r="D84" s="2" t="s">
        <v>365</v>
      </c>
      <c r="E84" s="2" t="s">
        <v>24</v>
      </c>
      <c r="F84" s="2" t="s">
        <v>25</v>
      </c>
      <c r="G84" s="2" t="s">
        <v>366</v>
      </c>
      <c r="H84" s="2" t="s">
        <v>14</v>
      </c>
      <c r="I84" s="3">
        <v>34212</v>
      </c>
      <c r="J84" s="3">
        <v>44755</v>
      </c>
      <c r="K84" s="2" t="s">
        <v>40</v>
      </c>
      <c r="L84" s="2" t="s">
        <v>102</v>
      </c>
      <c r="M84" s="2" t="s">
        <v>15</v>
      </c>
    </row>
    <row r="85" spans="1:13" x14ac:dyDescent="0.25">
      <c r="A85" s="2" t="s">
        <v>367</v>
      </c>
      <c r="B85" s="2" t="s">
        <v>13</v>
      </c>
      <c r="C85" s="2" t="s">
        <v>368</v>
      </c>
      <c r="D85" s="2" t="s">
        <v>120</v>
      </c>
      <c r="E85" s="2" t="s">
        <v>24</v>
      </c>
      <c r="F85" s="2" t="s">
        <v>25</v>
      </c>
      <c r="G85" s="2" t="s">
        <v>369</v>
      </c>
      <c r="H85" s="2" t="s">
        <v>14</v>
      </c>
      <c r="I85" s="3">
        <v>33299</v>
      </c>
      <c r="J85" s="3">
        <v>44768</v>
      </c>
      <c r="K85" s="2" t="s">
        <v>40</v>
      </c>
      <c r="L85" s="2" t="s">
        <v>51</v>
      </c>
      <c r="M85" s="2" t="s">
        <v>15</v>
      </c>
    </row>
    <row r="86" spans="1:13" x14ac:dyDescent="0.25">
      <c r="A86" s="2" t="s">
        <v>370</v>
      </c>
      <c r="B86" s="2" t="s">
        <v>18</v>
      </c>
      <c r="C86" s="2" t="s">
        <v>371</v>
      </c>
      <c r="D86" s="2" t="s">
        <v>372</v>
      </c>
      <c r="E86" s="2" t="s">
        <v>24</v>
      </c>
      <c r="F86" s="2" t="s">
        <v>25</v>
      </c>
      <c r="G86" s="2" t="s">
        <v>373</v>
      </c>
      <c r="H86" s="2" t="s">
        <v>19</v>
      </c>
      <c r="I86" s="3">
        <v>32351</v>
      </c>
      <c r="J86" s="3">
        <v>44818</v>
      </c>
      <c r="K86" s="2" t="s">
        <v>40</v>
      </c>
      <c r="L86" s="2" t="s">
        <v>374</v>
      </c>
      <c r="M86" s="2" t="s">
        <v>15</v>
      </c>
    </row>
    <row r="87" spans="1:13" x14ac:dyDescent="0.25">
      <c r="A87" s="2" t="s">
        <v>375</v>
      </c>
      <c r="B87" s="2" t="s">
        <v>13</v>
      </c>
      <c r="C87" s="2" t="s">
        <v>376</v>
      </c>
      <c r="D87" s="2" t="s">
        <v>357</v>
      </c>
      <c r="E87" s="2" t="s">
        <v>24</v>
      </c>
      <c r="F87" s="2" t="s">
        <v>25</v>
      </c>
      <c r="G87" s="2" t="s">
        <v>377</v>
      </c>
      <c r="H87" s="2" t="s">
        <v>14</v>
      </c>
      <c r="I87" s="3">
        <v>34150</v>
      </c>
      <c r="J87" s="3">
        <v>44756</v>
      </c>
      <c r="K87" s="2" t="s">
        <v>40</v>
      </c>
      <c r="L87" s="2" t="s">
        <v>51</v>
      </c>
      <c r="M87" s="2" t="s">
        <v>15</v>
      </c>
    </row>
    <row r="88" spans="1:13" x14ac:dyDescent="0.25">
      <c r="A88" s="2" t="s">
        <v>378</v>
      </c>
      <c r="B88" s="2" t="s">
        <v>13</v>
      </c>
      <c r="C88" s="2" t="s">
        <v>379</v>
      </c>
      <c r="D88" s="2" t="s">
        <v>380</v>
      </c>
      <c r="E88" s="2" t="s">
        <v>24</v>
      </c>
      <c r="F88" s="2" t="s">
        <v>25</v>
      </c>
      <c r="G88" s="2" t="s">
        <v>381</v>
      </c>
      <c r="H88" s="2" t="s">
        <v>14</v>
      </c>
      <c r="I88" s="3">
        <v>34002</v>
      </c>
      <c r="J88" s="3">
        <v>44762</v>
      </c>
      <c r="K88" s="2" t="s">
        <v>40</v>
      </c>
      <c r="L88" s="2" t="s">
        <v>51</v>
      </c>
      <c r="M88" s="2" t="s">
        <v>15</v>
      </c>
    </row>
    <row r="89" spans="1:13" x14ac:dyDescent="0.25">
      <c r="A89" s="2" t="s">
        <v>382</v>
      </c>
      <c r="B89" s="2" t="s">
        <v>20</v>
      </c>
      <c r="C89" s="2" t="s">
        <v>383</v>
      </c>
      <c r="D89" s="2" t="s">
        <v>38</v>
      </c>
      <c r="E89" s="2" t="s">
        <v>24</v>
      </c>
      <c r="F89" s="2" t="s">
        <v>25</v>
      </c>
      <c r="G89" s="2" t="s">
        <v>384</v>
      </c>
      <c r="H89" s="2" t="s">
        <v>19</v>
      </c>
      <c r="I89" s="3">
        <v>34065</v>
      </c>
      <c r="J89" s="3">
        <v>44760</v>
      </c>
      <c r="K89" s="2" t="s">
        <v>40</v>
      </c>
      <c r="L89" s="2" t="s">
        <v>41</v>
      </c>
      <c r="M89" s="2" t="s">
        <v>15</v>
      </c>
    </row>
    <row r="90" spans="1:13" x14ac:dyDescent="0.25">
      <c r="A90" s="2" t="s">
        <v>385</v>
      </c>
      <c r="B90" s="2" t="s">
        <v>18</v>
      </c>
      <c r="C90" s="2" t="s">
        <v>386</v>
      </c>
      <c r="D90" s="2" t="s">
        <v>38</v>
      </c>
      <c r="E90" s="2" t="s">
        <v>24</v>
      </c>
      <c r="F90" s="2" t="s">
        <v>25</v>
      </c>
      <c r="G90" s="2" t="s">
        <v>387</v>
      </c>
      <c r="H90" s="2" t="s">
        <v>19</v>
      </c>
      <c r="I90" s="3">
        <v>34216</v>
      </c>
      <c r="J90" s="3">
        <v>44760</v>
      </c>
      <c r="K90" s="2" t="s">
        <v>40</v>
      </c>
      <c r="L90" s="2" t="s">
        <v>41</v>
      </c>
      <c r="M90" s="2" t="s">
        <v>15</v>
      </c>
    </row>
    <row r="91" spans="1:13" x14ac:dyDescent="0.25">
      <c r="A91" s="2" t="s">
        <v>388</v>
      </c>
      <c r="B91" s="2" t="s">
        <v>18</v>
      </c>
      <c r="C91" s="2" t="s">
        <v>389</v>
      </c>
      <c r="D91" s="2" t="s">
        <v>390</v>
      </c>
      <c r="E91" s="2" t="s">
        <v>24</v>
      </c>
      <c r="F91" s="2" t="s">
        <v>25</v>
      </c>
      <c r="G91" s="2" t="s">
        <v>391</v>
      </c>
      <c r="H91" s="2" t="s">
        <v>19</v>
      </c>
      <c r="I91" s="3">
        <v>32002</v>
      </c>
      <c r="J91" s="3">
        <v>44823</v>
      </c>
      <c r="K91" s="2" t="s">
        <v>40</v>
      </c>
      <c r="L91" s="2" t="s">
        <v>41</v>
      </c>
      <c r="M91" s="2" t="s">
        <v>15</v>
      </c>
    </row>
    <row r="92" spans="1:13" x14ac:dyDescent="0.25">
      <c r="A92" s="2" t="s">
        <v>392</v>
      </c>
      <c r="B92" s="2" t="s">
        <v>18</v>
      </c>
      <c r="C92" s="2" t="s">
        <v>393</v>
      </c>
      <c r="D92" s="2" t="s">
        <v>128</v>
      </c>
      <c r="E92" s="2" t="s">
        <v>24</v>
      </c>
      <c r="F92" s="2" t="s">
        <v>25</v>
      </c>
      <c r="G92" s="2" t="s">
        <v>394</v>
      </c>
      <c r="H92" s="2" t="s">
        <v>19</v>
      </c>
      <c r="I92" s="3">
        <v>33703</v>
      </c>
      <c r="J92" s="3">
        <v>44713</v>
      </c>
      <c r="K92" s="2" t="s">
        <v>40</v>
      </c>
      <c r="L92" s="2" t="s">
        <v>51</v>
      </c>
      <c r="M92" s="2" t="s">
        <v>15</v>
      </c>
    </row>
    <row r="93" spans="1:13" x14ac:dyDescent="0.25">
      <c r="A93" s="2" t="s">
        <v>395</v>
      </c>
      <c r="B93" s="2" t="s">
        <v>13</v>
      </c>
      <c r="C93" s="2" t="s">
        <v>396</v>
      </c>
      <c r="D93" s="2" t="s">
        <v>397</v>
      </c>
      <c r="E93" s="2" t="s">
        <v>24</v>
      </c>
      <c r="F93" s="2" t="s">
        <v>25</v>
      </c>
      <c r="G93" s="2" t="s">
        <v>398</v>
      </c>
      <c r="H93" s="2" t="s">
        <v>14</v>
      </c>
      <c r="I93" s="3">
        <v>33646</v>
      </c>
      <c r="J93" s="3">
        <v>44818</v>
      </c>
      <c r="K93" s="2" t="s">
        <v>40</v>
      </c>
      <c r="L93" s="2" t="s">
        <v>61</v>
      </c>
      <c r="M93" s="2" t="s">
        <v>15</v>
      </c>
    </row>
    <row r="94" spans="1:13" x14ac:dyDescent="0.25">
      <c r="A94" s="2" t="s">
        <v>399</v>
      </c>
      <c r="B94" s="2" t="s">
        <v>18</v>
      </c>
      <c r="C94" s="2" t="s">
        <v>400</v>
      </c>
      <c r="D94" s="2" t="s">
        <v>289</v>
      </c>
      <c r="E94" s="2" t="s">
        <v>24</v>
      </c>
      <c r="F94" s="2" t="s">
        <v>25</v>
      </c>
      <c r="G94" s="2" t="s">
        <v>401</v>
      </c>
      <c r="H94" s="2" t="s">
        <v>19</v>
      </c>
      <c r="I94" s="3">
        <v>35342</v>
      </c>
      <c r="J94" s="3">
        <v>44731</v>
      </c>
      <c r="K94" s="2" t="s">
        <v>40</v>
      </c>
      <c r="L94" s="2" t="s">
        <v>46</v>
      </c>
      <c r="M94" s="2" t="s">
        <v>15</v>
      </c>
    </row>
    <row r="95" spans="1:13" x14ac:dyDescent="0.25">
      <c r="A95" s="2" t="s">
        <v>402</v>
      </c>
      <c r="B95" s="2" t="s">
        <v>18</v>
      </c>
      <c r="C95" s="2" t="s">
        <v>403</v>
      </c>
      <c r="D95" s="2" t="s">
        <v>404</v>
      </c>
      <c r="E95" s="2" t="s">
        <v>24</v>
      </c>
      <c r="F95" s="2" t="s">
        <v>25</v>
      </c>
      <c r="G95" s="2" t="s">
        <v>405</v>
      </c>
      <c r="H95" s="2" t="s">
        <v>19</v>
      </c>
      <c r="I95" s="3">
        <v>34467</v>
      </c>
      <c r="J95" s="3">
        <v>44840</v>
      </c>
      <c r="K95" s="2" t="s">
        <v>40</v>
      </c>
      <c r="L95" s="2" t="s">
        <v>51</v>
      </c>
      <c r="M95" s="2" t="s">
        <v>15</v>
      </c>
    </row>
    <row r="96" spans="1:13" x14ac:dyDescent="0.25">
      <c r="A96" s="2" t="s">
        <v>406</v>
      </c>
      <c r="B96" s="2" t="s">
        <v>13</v>
      </c>
      <c r="C96" s="2" t="s">
        <v>407</v>
      </c>
      <c r="D96" s="2" t="s">
        <v>408</v>
      </c>
      <c r="E96" s="2" t="s">
        <v>24</v>
      </c>
      <c r="F96" s="2" t="s">
        <v>25</v>
      </c>
      <c r="G96" s="2" t="s">
        <v>409</v>
      </c>
      <c r="H96" s="2" t="s">
        <v>14</v>
      </c>
      <c r="I96" s="3">
        <v>33020</v>
      </c>
      <c r="J96" s="3">
        <v>44755</v>
      </c>
      <c r="K96" s="2" t="s">
        <v>40</v>
      </c>
      <c r="L96" s="2" t="s">
        <v>61</v>
      </c>
      <c r="M96" s="2" t="s">
        <v>15</v>
      </c>
    </row>
    <row r="97" spans="1:13" x14ac:dyDescent="0.25">
      <c r="A97" s="2" t="s">
        <v>410</v>
      </c>
      <c r="B97" s="2" t="s">
        <v>13</v>
      </c>
      <c r="C97" s="2" t="s">
        <v>411</v>
      </c>
      <c r="D97" s="2" t="s">
        <v>412</v>
      </c>
      <c r="E97" s="2" t="s">
        <v>24</v>
      </c>
      <c r="F97" s="2" t="s">
        <v>25</v>
      </c>
      <c r="G97" s="2" t="s">
        <v>413</v>
      </c>
      <c r="H97" s="2" t="s">
        <v>14</v>
      </c>
      <c r="I97" s="3">
        <v>35031</v>
      </c>
      <c r="J97" s="3">
        <v>44858</v>
      </c>
      <c r="K97" s="2" t="s">
        <v>40</v>
      </c>
      <c r="L97" s="2" t="s">
        <v>102</v>
      </c>
      <c r="M97" s="2" t="s">
        <v>15</v>
      </c>
    </row>
    <row r="98" spans="1:13" x14ac:dyDescent="0.25">
      <c r="A98" s="2" t="s">
        <v>414</v>
      </c>
      <c r="B98" s="2" t="s">
        <v>20</v>
      </c>
      <c r="C98" s="2" t="s">
        <v>415</v>
      </c>
      <c r="D98" s="2" t="s">
        <v>416</v>
      </c>
      <c r="E98" s="2" t="s">
        <v>24</v>
      </c>
      <c r="F98" s="2" t="s">
        <v>25</v>
      </c>
      <c r="G98" s="2" t="s">
        <v>417</v>
      </c>
      <c r="H98" s="2" t="s">
        <v>19</v>
      </c>
      <c r="I98" s="3">
        <v>34106</v>
      </c>
      <c r="J98" s="3">
        <v>44739</v>
      </c>
      <c r="K98" s="2" t="s">
        <v>40</v>
      </c>
      <c r="L98" s="2" t="s">
        <v>41</v>
      </c>
      <c r="M98" s="2" t="s">
        <v>15</v>
      </c>
    </row>
    <row r="99" spans="1:13" x14ac:dyDescent="0.25">
      <c r="A99" s="2" t="s">
        <v>418</v>
      </c>
      <c r="B99" s="2" t="s">
        <v>13</v>
      </c>
      <c r="C99" s="2" t="s">
        <v>419</v>
      </c>
      <c r="D99" s="2" t="s">
        <v>420</v>
      </c>
      <c r="E99" s="2" t="s">
        <v>24</v>
      </c>
      <c r="F99" s="2" t="s">
        <v>25</v>
      </c>
      <c r="G99" s="2" t="s">
        <v>421</v>
      </c>
      <c r="H99" s="2" t="s">
        <v>14</v>
      </c>
      <c r="I99" s="3">
        <v>33731</v>
      </c>
      <c r="J99" s="3">
        <v>44749</v>
      </c>
      <c r="K99" s="2" t="s">
        <v>40</v>
      </c>
      <c r="L99" s="2" t="s">
        <v>61</v>
      </c>
      <c r="M99" s="2" t="s">
        <v>15</v>
      </c>
    </row>
    <row r="100" spans="1:13" x14ac:dyDescent="0.25">
      <c r="A100" s="2" t="s">
        <v>422</v>
      </c>
      <c r="B100" s="2" t="s">
        <v>13</v>
      </c>
      <c r="C100" s="2" t="s">
        <v>423</v>
      </c>
      <c r="D100" s="2" t="s">
        <v>424</v>
      </c>
      <c r="E100" s="2" t="s">
        <v>24</v>
      </c>
      <c r="F100" s="2" t="s">
        <v>25</v>
      </c>
      <c r="G100" s="2" t="s">
        <v>425</v>
      </c>
      <c r="H100" s="2" t="s">
        <v>14</v>
      </c>
      <c r="I100" s="3">
        <v>31481</v>
      </c>
      <c r="J100" s="3">
        <v>44757</v>
      </c>
      <c r="K100" s="2" t="s">
        <v>40</v>
      </c>
      <c r="L100" s="2" t="s">
        <v>51</v>
      </c>
      <c r="M100" s="2" t="s">
        <v>15</v>
      </c>
    </row>
    <row r="101" spans="1:13" x14ac:dyDescent="0.25">
      <c r="A101" s="2" t="s">
        <v>426</v>
      </c>
      <c r="B101" s="2" t="s">
        <v>13</v>
      </c>
      <c r="C101" s="2" t="s">
        <v>427</v>
      </c>
      <c r="D101" s="2" t="s">
        <v>428</v>
      </c>
      <c r="E101" s="2" t="s">
        <v>24</v>
      </c>
      <c r="F101" s="2" t="s">
        <v>25</v>
      </c>
      <c r="G101" s="2" t="s">
        <v>429</v>
      </c>
      <c r="H101" s="2" t="s">
        <v>14</v>
      </c>
      <c r="I101" s="3">
        <v>32622</v>
      </c>
      <c r="J101" s="3">
        <v>44848</v>
      </c>
      <c r="K101" s="2" t="s">
        <v>40</v>
      </c>
      <c r="L101" s="2" t="s">
        <v>61</v>
      </c>
      <c r="M101" s="2" t="s">
        <v>15</v>
      </c>
    </row>
    <row r="102" spans="1:13" x14ac:dyDescent="0.25">
      <c r="A102" s="2" t="s">
        <v>430</v>
      </c>
      <c r="B102" s="2" t="s">
        <v>13</v>
      </c>
      <c r="C102" s="2" t="s">
        <v>431</v>
      </c>
      <c r="D102" s="2" t="s">
        <v>432</v>
      </c>
      <c r="E102" s="2" t="s">
        <v>24</v>
      </c>
      <c r="F102" s="2" t="s">
        <v>25</v>
      </c>
      <c r="G102" s="2" t="s">
        <v>433</v>
      </c>
      <c r="H102" s="2" t="s">
        <v>14</v>
      </c>
      <c r="I102" s="3">
        <v>33842</v>
      </c>
      <c r="J102" s="3">
        <v>44756</v>
      </c>
      <c r="K102" s="2" t="s">
        <v>40</v>
      </c>
      <c r="L102" s="2" t="s">
        <v>434</v>
      </c>
      <c r="M102" s="2" t="s">
        <v>15</v>
      </c>
    </row>
    <row r="103" spans="1:13" x14ac:dyDescent="0.25">
      <c r="A103" s="2" t="s">
        <v>435</v>
      </c>
      <c r="B103" s="2" t="s">
        <v>13</v>
      </c>
      <c r="C103" s="2" t="s">
        <v>436</v>
      </c>
      <c r="D103" s="2" t="s">
        <v>116</v>
      </c>
      <c r="E103" s="2" t="s">
        <v>24</v>
      </c>
      <c r="F103" s="2" t="s">
        <v>25</v>
      </c>
      <c r="G103" s="2" t="s">
        <v>437</v>
      </c>
      <c r="H103" s="2" t="s">
        <v>14</v>
      </c>
      <c r="I103" s="3">
        <v>33401</v>
      </c>
      <c r="J103" s="3">
        <v>44732</v>
      </c>
      <c r="K103" s="2" t="s">
        <v>40</v>
      </c>
      <c r="L103" s="2" t="s">
        <v>51</v>
      </c>
      <c r="M103" s="2" t="s">
        <v>15</v>
      </c>
    </row>
    <row r="104" spans="1:13" x14ac:dyDescent="0.25">
      <c r="A104" s="2" t="s">
        <v>438</v>
      </c>
      <c r="B104" s="2" t="s">
        <v>13</v>
      </c>
      <c r="C104" s="2" t="s">
        <v>439</v>
      </c>
      <c r="D104" s="2" t="s">
        <v>86</v>
      </c>
      <c r="E104" s="2" t="s">
        <v>24</v>
      </c>
      <c r="F104" s="2" t="s">
        <v>25</v>
      </c>
      <c r="G104" s="2" t="s">
        <v>440</v>
      </c>
      <c r="H104" s="2" t="s">
        <v>14</v>
      </c>
      <c r="I104" s="3">
        <v>32644</v>
      </c>
      <c r="J104" s="3">
        <v>44748</v>
      </c>
      <c r="K104" s="2" t="s">
        <v>40</v>
      </c>
      <c r="L104" s="2" t="s">
        <v>88</v>
      </c>
      <c r="M104" s="2" t="s">
        <v>15</v>
      </c>
    </row>
    <row r="105" spans="1:13" x14ac:dyDescent="0.25">
      <c r="A105" s="2" t="s">
        <v>441</v>
      </c>
      <c r="B105" s="2" t="s">
        <v>13</v>
      </c>
      <c r="C105" s="2" t="s">
        <v>442</v>
      </c>
      <c r="D105" s="2" t="s">
        <v>86</v>
      </c>
      <c r="E105" s="2" t="s">
        <v>24</v>
      </c>
      <c r="F105" s="2" t="s">
        <v>25</v>
      </c>
      <c r="G105" s="2" t="s">
        <v>443</v>
      </c>
      <c r="H105" s="2" t="s">
        <v>14</v>
      </c>
      <c r="I105" s="3">
        <v>33182</v>
      </c>
      <c r="J105" s="3">
        <v>44748</v>
      </c>
      <c r="K105" s="2" t="s">
        <v>40</v>
      </c>
      <c r="L105" s="2" t="s">
        <v>88</v>
      </c>
      <c r="M105" s="2" t="s">
        <v>15</v>
      </c>
    </row>
    <row r="106" spans="1:13" x14ac:dyDescent="0.25">
      <c r="A106" s="2" t="s">
        <v>444</v>
      </c>
      <c r="B106" s="2" t="s">
        <v>13</v>
      </c>
      <c r="C106" s="2" t="s">
        <v>445</v>
      </c>
      <c r="D106" s="2" t="s">
        <v>446</v>
      </c>
      <c r="E106" s="2" t="s">
        <v>24</v>
      </c>
      <c r="F106" s="2" t="s">
        <v>25</v>
      </c>
      <c r="G106" s="2" t="s">
        <v>447</v>
      </c>
      <c r="H106" s="2" t="s">
        <v>14</v>
      </c>
      <c r="I106" s="3">
        <v>33812</v>
      </c>
      <c r="J106" s="3">
        <v>44848</v>
      </c>
      <c r="K106" s="2" t="s">
        <v>40</v>
      </c>
      <c r="L106" s="2" t="s">
        <v>102</v>
      </c>
      <c r="M106" s="2" t="s">
        <v>15</v>
      </c>
    </row>
    <row r="107" spans="1:13" x14ac:dyDescent="0.25">
      <c r="A107" s="2" t="s">
        <v>448</v>
      </c>
      <c r="B107" s="2" t="s">
        <v>13</v>
      </c>
      <c r="C107" s="2" t="s">
        <v>449</v>
      </c>
      <c r="D107" s="2" t="s">
        <v>86</v>
      </c>
      <c r="E107" s="2" t="s">
        <v>24</v>
      </c>
      <c r="F107" s="2" t="s">
        <v>25</v>
      </c>
      <c r="G107" s="2" t="s">
        <v>450</v>
      </c>
      <c r="H107" s="2" t="s">
        <v>14</v>
      </c>
      <c r="I107" s="3">
        <v>33438</v>
      </c>
      <c r="J107" s="3">
        <v>44750</v>
      </c>
      <c r="K107" s="2" t="s">
        <v>40</v>
      </c>
      <c r="L107" s="2" t="s">
        <v>88</v>
      </c>
      <c r="M107" s="2" t="s">
        <v>15</v>
      </c>
    </row>
    <row r="108" spans="1:13" x14ac:dyDescent="0.25">
      <c r="A108" s="2" t="s">
        <v>451</v>
      </c>
      <c r="B108" s="2" t="s">
        <v>13</v>
      </c>
      <c r="C108" s="2" t="s">
        <v>452</v>
      </c>
      <c r="D108" s="2" t="s">
        <v>86</v>
      </c>
      <c r="E108" s="2" t="s">
        <v>24</v>
      </c>
      <c r="F108" s="2" t="s">
        <v>25</v>
      </c>
      <c r="G108" s="2" t="s">
        <v>453</v>
      </c>
      <c r="H108" s="2" t="s">
        <v>14</v>
      </c>
      <c r="I108" s="3">
        <v>33951</v>
      </c>
      <c r="J108" s="3">
        <v>44767</v>
      </c>
      <c r="K108" s="2" t="s">
        <v>40</v>
      </c>
      <c r="L108" s="2" t="s">
        <v>88</v>
      </c>
      <c r="M108" s="2" t="s">
        <v>15</v>
      </c>
    </row>
    <row r="109" spans="1:13" x14ac:dyDescent="0.25">
      <c r="A109" s="2" t="s">
        <v>454</v>
      </c>
      <c r="B109" s="2" t="s">
        <v>13</v>
      </c>
      <c r="C109" s="2" t="s">
        <v>455</v>
      </c>
      <c r="D109" s="2" t="s">
        <v>456</v>
      </c>
      <c r="E109" s="2" t="s">
        <v>24</v>
      </c>
      <c r="F109" s="2" t="s">
        <v>25</v>
      </c>
      <c r="G109" s="2" t="s">
        <v>457</v>
      </c>
      <c r="H109" s="2" t="s">
        <v>14</v>
      </c>
      <c r="I109" s="3">
        <v>34585</v>
      </c>
      <c r="J109" s="3">
        <v>44790</v>
      </c>
      <c r="K109" s="2" t="s">
        <v>40</v>
      </c>
      <c r="L109" s="2" t="s">
        <v>51</v>
      </c>
      <c r="M109" s="2" t="s">
        <v>15</v>
      </c>
    </row>
    <row r="110" spans="1:13" x14ac:dyDescent="0.25">
      <c r="A110" s="2" t="s">
        <v>458</v>
      </c>
      <c r="B110" s="2" t="s">
        <v>13</v>
      </c>
      <c r="C110" s="2" t="s">
        <v>459</v>
      </c>
      <c r="D110" s="2" t="s">
        <v>460</v>
      </c>
      <c r="E110" s="2" t="s">
        <v>24</v>
      </c>
      <c r="F110" s="2" t="s">
        <v>25</v>
      </c>
      <c r="G110" s="2" t="s">
        <v>461</v>
      </c>
      <c r="H110" s="2" t="s">
        <v>14</v>
      </c>
      <c r="I110" s="3">
        <v>31896</v>
      </c>
      <c r="J110" s="3">
        <v>44770</v>
      </c>
      <c r="K110" s="2" t="s">
        <v>40</v>
      </c>
      <c r="L110" s="2" t="s">
        <v>134</v>
      </c>
      <c r="M110" s="2" t="s">
        <v>15</v>
      </c>
    </row>
    <row r="111" spans="1:13" x14ac:dyDescent="0.25">
      <c r="A111" s="2" t="s">
        <v>462</v>
      </c>
      <c r="B111" s="2" t="s">
        <v>13</v>
      </c>
      <c r="C111" s="2" t="s">
        <v>463</v>
      </c>
      <c r="D111" s="2" t="s">
        <v>464</v>
      </c>
      <c r="E111" s="2" t="s">
        <v>24</v>
      </c>
      <c r="F111" s="2" t="s">
        <v>25</v>
      </c>
      <c r="G111" s="2" t="s">
        <v>465</v>
      </c>
      <c r="H111" s="2" t="s">
        <v>14</v>
      </c>
      <c r="I111" s="3">
        <v>33025</v>
      </c>
      <c r="J111" s="3">
        <v>44770</v>
      </c>
      <c r="K111" s="2" t="s">
        <v>40</v>
      </c>
      <c r="L111" s="2" t="s">
        <v>134</v>
      </c>
      <c r="M111" s="2" t="s">
        <v>15</v>
      </c>
    </row>
    <row r="112" spans="1:13" x14ac:dyDescent="0.25">
      <c r="A112" s="2" t="s">
        <v>466</v>
      </c>
      <c r="B112" s="2" t="s">
        <v>18</v>
      </c>
      <c r="C112" s="2" t="s">
        <v>467</v>
      </c>
      <c r="D112" s="2" t="s">
        <v>468</v>
      </c>
      <c r="E112" s="2" t="s">
        <v>24</v>
      </c>
      <c r="F112" s="2" t="s">
        <v>25</v>
      </c>
      <c r="G112" s="2" t="s">
        <v>469</v>
      </c>
      <c r="H112" s="2" t="s">
        <v>19</v>
      </c>
      <c r="I112" s="3">
        <v>34629</v>
      </c>
      <c r="J112" s="3">
        <v>44817</v>
      </c>
      <c r="K112" s="2" t="s">
        <v>40</v>
      </c>
      <c r="L112" s="2" t="s">
        <v>148</v>
      </c>
      <c r="M112" s="2" t="s">
        <v>15</v>
      </c>
    </row>
    <row r="113" spans="1:13" x14ac:dyDescent="0.25">
      <c r="A113" s="2" t="s">
        <v>470</v>
      </c>
      <c r="B113" s="2" t="s">
        <v>18</v>
      </c>
      <c r="C113" s="2" t="s">
        <v>471</v>
      </c>
      <c r="D113" s="2" t="s">
        <v>472</v>
      </c>
      <c r="E113" s="2" t="s">
        <v>24</v>
      </c>
      <c r="F113" s="2" t="s">
        <v>25</v>
      </c>
      <c r="G113" s="2" t="s">
        <v>473</v>
      </c>
      <c r="H113" s="2" t="s">
        <v>19</v>
      </c>
      <c r="I113" s="3">
        <v>31518</v>
      </c>
      <c r="J113" s="3">
        <v>44768</v>
      </c>
      <c r="K113" s="2" t="s">
        <v>40</v>
      </c>
      <c r="L113" s="2" t="s">
        <v>134</v>
      </c>
      <c r="M113" s="2" t="s">
        <v>15</v>
      </c>
    </row>
    <row r="114" spans="1:13" x14ac:dyDescent="0.25">
      <c r="A114" s="2" t="s">
        <v>474</v>
      </c>
      <c r="B114" s="2" t="s">
        <v>13</v>
      </c>
      <c r="C114" s="2" t="s">
        <v>475</v>
      </c>
      <c r="D114" s="2" t="s">
        <v>289</v>
      </c>
      <c r="E114" s="2" t="s">
        <v>24</v>
      </c>
      <c r="F114" s="2" t="s">
        <v>25</v>
      </c>
      <c r="G114" s="2" t="s">
        <v>476</v>
      </c>
      <c r="H114" s="2" t="s">
        <v>14</v>
      </c>
      <c r="I114" s="3">
        <v>31250</v>
      </c>
      <c r="J114" s="3">
        <v>44775</v>
      </c>
      <c r="K114" s="2" t="s">
        <v>40</v>
      </c>
      <c r="L114" s="2" t="s">
        <v>46</v>
      </c>
      <c r="M114" s="2" t="s">
        <v>15</v>
      </c>
    </row>
    <row r="115" spans="1:13" x14ac:dyDescent="0.25">
      <c r="A115" s="2" t="s">
        <v>477</v>
      </c>
      <c r="B115" s="2" t="s">
        <v>13</v>
      </c>
      <c r="C115" s="2" t="s">
        <v>478</v>
      </c>
      <c r="D115" s="2" t="s">
        <v>289</v>
      </c>
      <c r="E115" s="2" t="s">
        <v>24</v>
      </c>
      <c r="F115" s="2" t="s">
        <v>25</v>
      </c>
      <c r="G115" s="2" t="s">
        <v>479</v>
      </c>
      <c r="H115" s="2" t="s">
        <v>14</v>
      </c>
      <c r="I115" s="3">
        <v>33211</v>
      </c>
      <c r="J115" s="3">
        <v>44768</v>
      </c>
      <c r="K115" s="2" t="s">
        <v>40</v>
      </c>
      <c r="L115" s="2" t="s">
        <v>46</v>
      </c>
      <c r="M115" s="2" t="s">
        <v>15</v>
      </c>
    </row>
    <row r="116" spans="1:13" x14ac:dyDescent="0.25">
      <c r="A116" s="2" t="s">
        <v>480</v>
      </c>
      <c r="B116" s="2" t="s">
        <v>13</v>
      </c>
      <c r="C116" s="2" t="s">
        <v>481</v>
      </c>
      <c r="D116" s="2" t="s">
        <v>159</v>
      </c>
      <c r="E116" s="2" t="s">
        <v>24</v>
      </c>
      <c r="F116" s="2" t="s">
        <v>25</v>
      </c>
      <c r="G116" s="2" t="s">
        <v>482</v>
      </c>
      <c r="H116" s="2" t="s">
        <v>14</v>
      </c>
      <c r="I116" s="3">
        <v>29415</v>
      </c>
      <c r="J116" s="3">
        <v>44739</v>
      </c>
      <c r="K116" s="2" t="s">
        <v>40</v>
      </c>
      <c r="L116" s="2" t="s">
        <v>46</v>
      </c>
      <c r="M116" s="2" t="s">
        <v>15</v>
      </c>
    </row>
    <row r="117" spans="1:13" x14ac:dyDescent="0.25">
      <c r="A117" s="2" t="s">
        <v>483</v>
      </c>
      <c r="B117" s="2" t="s">
        <v>13</v>
      </c>
      <c r="C117" s="2" t="s">
        <v>484</v>
      </c>
      <c r="D117" s="2" t="s">
        <v>485</v>
      </c>
      <c r="E117" s="2" t="s">
        <v>24</v>
      </c>
      <c r="F117" s="2" t="s">
        <v>25</v>
      </c>
      <c r="G117" s="2" t="s">
        <v>486</v>
      </c>
      <c r="H117" s="2" t="s">
        <v>14</v>
      </c>
      <c r="I117" s="3">
        <v>34659</v>
      </c>
      <c r="J117" s="3">
        <v>44764</v>
      </c>
      <c r="K117" s="2" t="s">
        <v>40</v>
      </c>
      <c r="L117" s="2" t="s">
        <v>46</v>
      </c>
      <c r="M117" s="2" t="s">
        <v>15</v>
      </c>
    </row>
    <row r="118" spans="1:13" x14ac:dyDescent="0.25">
      <c r="A118" s="2" t="s">
        <v>487</v>
      </c>
      <c r="B118" s="2" t="s">
        <v>20</v>
      </c>
      <c r="C118" s="2" t="s">
        <v>488</v>
      </c>
      <c r="D118" s="2" t="s">
        <v>489</v>
      </c>
      <c r="E118" s="2" t="s">
        <v>24</v>
      </c>
      <c r="F118" s="2" t="s">
        <v>25</v>
      </c>
      <c r="G118" s="2" t="s">
        <v>490</v>
      </c>
      <c r="H118" s="2" t="s">
        <v>19</v>
      </c>
      <c r="I118" s="3">
        <v>30060</v>
      </c>
      <c r="J118" s="3">
        <v>44811</v>
      </c>
      <c r="K118" s="2" t="s">
        <v>40</v>
      </c>
      <c r="L118" s="2" t="s">
        <v>51</v>
      </c>
      <c r="M118" s="2" t="s">
        <v>15</v>
      </c>
    </row>
    <row r="119" spans="1:13" x14ac:dyDescent="0.25">
      <c r="A119" s="2" t="s">
        <v>491</v>
      </c>
      <c r="B119" s="2" t="s">
        <v>13</v>
      </c>
      <c r="C119" s="2" t="s">
        <v>492</v>
      </c>
      <c r="D119" s="2" t="s">
        <v>116</v>
      </c>
      <c r="E119" s="2" t="s">
        <v>24</v>
      </c>
      <c r="F119" s="2" t="s">
        <v>25</v>
      </c>
      <c r="G119" s="2" t="s">
        <v>493</v>
      </c>
      <c r="H119" s="2" t="s">
        <v>14</v>
      </c>
      <c r="I119" s="3">
        <v>32830</v>
      </c>
      <c r="J119" s="3">
        <v>44785</v>
      </c>
      <c r="K119" s="2" t="s">
        <v>40</v>
      </c>
      <c r="L119" s="2" t="s">
        <v>51</v>
      </c>
      <c r="M119" s="2" t="s">
        <v>15</v>
      </c>
    </row>
    <row r="120" spans="1:13" x14ac:dyDescent="0.25">
      <c r="A120" s="2" t="s">
        <v>494</v>
      </c>
      <c r="B120" s="2" t="s">
        <v>13</v>
      </c>
      <c r="C120" s="2" t="s">
        <v>495</v>
      </c>
      <c r="D120" s="2" t="s">
        <v>496</v>
      </c>
      <c r="E120" s="2" t="s">
        <v>24</v>
      </c>
      <c r="F120" s="2" t="s">
        <v>25</v>
      </c>
      <c r="G120" s="2" t="s">
        <v>497</v>
      </c>
      <c r="H120" s="2" t="s">
        <v>14</v>
      </c>
      <c r="I120" s="3">
        <v>33014</v>
      </c>
      <c r="J120" s="3">
        <v>44806</v>
      </c>
      <c r="K120" s="2" t="s">
        <v>40</v>
      </c>
      <c r="L120" s="2" t="s">
        <v>61</v>
      </c>
      <c r="M120" s="2" t="s">
        <v>15</v>
      </c>
    </row>
    <row r="121" spans="1:13" x14ac:dyDescent="0.25">
      <c r="A121" s="2" t="s">
        <v>498</v>
      </c>
      <c r="B121" s="2" t="s">
        <v>13</v>
      </c>
      <c r="C121" s="2" t="s">
        <v>499</v>
      </c>
      <c r="D121" s="2" t="s">
        <v>196</v>
      </c>
      <c r="E121" s="2" t="s">
        <v>24</v>
      </c>
      <c r="F121" s="2" t="s">
        <v>25</v>
      </c>
      <c r="G121" s="2" t="s">
        <v>500</v>
      </c>
      <c r="H121" s="2" t="s">
        <v>14</v>
      </c>
      <c r="I121" s="3">
        <v>34180</v>
      </c>
      <c r="J121" s="3">
        <v>44781</v>
      </c>
      <c r="K121" s="2" t="s">
        <v>40</v>
      </c>
      <c r="L121" s="2" t="s">
        <v>51</v>
      </c>
      <c r="M121" s="2" t="s">
        <v>15</v>
      </c>
    </row>
    <row r="122" spans="1:13" x14ac:dyDescent="0.25">
      <c r="A122" s="2" t="s">
        <v>501</v>
      </c>
      <c r="B122" s="2" t="s">
        <v>18</v>
      </c>
      <c r="C122" s="2" t="s">
        <v>502</v>
      </c>
      <c r="D122" s="2" t="s">
        <v>503</v>
      </c>
      <c r="E122" s="2" t="s">
        <v>24</v>
      </c>
      <c r="F122" s="2" t="s">
        <v>25</v>
      </c>
      <c r="G122" s="2" t="s">
        <v>504</v>
      </c>
      <c r="H122" s="2" t="s">
        <v>19</v>
      </c>
      <c r="I122" s="3">
        <v>32826</v>
      </c>
      <c r="J122" s="3">
        <v>44784</v>
      </c>
      <c r="K122" s="2" t="s">
        <v>40</v>
      </c>
      <c r="L122" s="2" t="s">
        <v>51</v>
      </c>
      <c r="M122" s="2" t="s">
        <v>15</v>
      </c>
    </row>
    <row r="123" spans="1:13" x14ac:dyDescent="0.25">
      <c r="A123" s="2" t="s">
        <v>505</v>
      </c>
      <c r="B123" s="2" t="s">
        <v>20</v>
      </c>
      <c r="C123" s="2" t="s">
        <v>506</v>
      </c>
      <c r="D123" s="2" t="s">
        <v>116</v>
      </c>
      <c r="E123" s="2" t="s">
        <v>24</v>
      </c>
      <c r="F123" s="2" t="s">
        <v>25</v>
      </c>
      <c r="G123" s="2" t="s">
        <v>507</v>
      </c>
      <c r="H123" s="2" t="s">
        <v>19</v>
      </c>
      <c r="I123" s="3">
        <v>33856</v>
      </c>
      <c r="J123" s="3">
        <v>44767</v>
      </c>
      <c r="K123" s="2" t="s">
        <v>40</v>
      </c>
      <c r="L123" s="2" t="s">
        <v>51</v>
      </c>
      <c r="M123" s="2" t="s">
        <v>15</v>
      </c>
    </row>
    <row r="124" spans="1:13" x14ac:dyDescent="0.25">
      <c r="A124" s="2" t="s">
        <v>508</v>
      </c>
      <c r="B124" s="2" t="s">
        <v>18</v>
      </c>
      <c r="C124" s="2" t="s">
        <v>509</v>
      </c>
      <c r="D124" s="2" t="s">
        <v>510</v>
      </c>
      <c r="E124" s="2" t="s">
        <v>24</v>
      </c>
      <c r="F124" s="2" t="s">
        <v>25</v>
      </c>
      <c r="G124" s="2" t="s">
        <v>511</v>
      </c>
      <c r="H124" s="2" t="s">
        <v>19</v>
      </c>
      <c r="I124" s="3">
        <v>25951</v>
      </c>
      <c r="J124" s="3">
        <v>44810</v>
      </c>
      <c r="K124" s="2" t="s">
        <v>40</v>
      </c>
      <c r="L124" s="2" t="s">
        <v>51</v>
      </c>
      <c r="M124" s="2" t="s">
        <v>15</v>
      </c>
    </row>
    <row r="125" spans="1:13" x14ac:dyDescent="0.25">
      <c r="A125" s="2" t="s">
        <v>512</v>
      </c>
      <c r="B125" s="2" t="s">
        <v>13</v>
      </c>
      <c r="C125" s="2" t="s">
        <v>513</v>
      </c>
      <c r="D125" s="2" t="s">
        <v>514</v>
      </c>
      <c r="E125" s="2" t="s">
        <v>24</v>
      </c>
      <c r="F125" s="2" t="s">
        <v>25</v>
      </c>
      <c r="G125" s="2" t="s">
        <v>515</v>
      </c>
      <c r="H125" s="2" t="s">
        <v>14</v>
      </c>
      <c r="I125" s="3">
        <v>33807</v>
      </c>
      <c r="J125" s="3">
        <v>44783</v>
      </c>
      <c r="K125" s="2" t="s">
        <v>40</v>
      </c>
      <c r="L125" s="2" t="s">
        <v>51</v>
      </c>
      <c r="M125" s="2" t="s">
        <v>15</v>
      </c>
    </row>
    <row r="126" spans="1:13" x14ac:dyDescent="0.25">
      <c r="A126" s="2" t="s">
        <v>516</v>
      </c>
      <c r="B126" s="2" t="s">
        <v>18</v>
      </c>
      <c r="C126" s="2" t="s">
        <v>517</v>
      </c>
      <c r="D126" s="2" t="s">
        <v>518</v>
      </c>
      <c r="E126" s="2" t="s">
        <v>24</v>
      </c>
      <c r="F126" s="2" t="s">
        <v>25</v>
      </c>
      <c r="G126" s="2" t="s">
        <v>519</v>
      </c>
      <c r="H126" s="2" t="s">
        <v>19</v>
      </c>
      <c r="I126" s="3">
        <v>33732</v>
      </c>
      <c r="J126" s="3">
        <v>44817</v>
      </c>
      <c r="K126" s="2" t="s">
        <v>40</v>
      </c>
      <c r="L126" s="2" t="s">
        <v>41</v>
      </c>
      <c r="M126" s="2" t="s">
        <v>15</v>
      </c>
    </row>
    <row r="127" spans="1:13" x14ac:dyDescent="0.25">
      <c r="A127" s="2" t="s">
        <v>520</v>
      </c>
      <c r="B127" s="2" t="s">
        <v>13</v>
      </c>
      <c r="C127" s="2" t="s">
        <v>521</v>
      </c>
      <c r="D127" s="2" t="s">
        <v>522</v>
      </c>
      <c r="E127" s="2" t="s">
        <v>31</v>
      </c>
      <c r="F127" s="2" t="s">
        <v>23</v>
      </c>
      <c r="G127" s="2" t="s">
        <v>523</v>
      </c>
      <c r="H127" s="2" t="s">
        <v>14</v>
      </c>
      <c r="I127" s="3">
        <v>35494</v>
      </c>
      <c r="J127" s="3">
        <v>44867</v>
      </c>
      <c r="K127" s="2" t="s">
        <v>40</v>
      </c>
      <c r="L127" s="2" t="s">
        <v>524</v>
      </c>
      <c r="M127" s="2" t="s">
        <v>15</v>
      </c>
    </row>
    <row r="128" spans="1:13" x14ac:dyDescent="0.25">
      <c r="A128" s="2" t="s">
        <v>525</v>
      </c>
      <c r="B128" s="2" t="s">
        <v>13</v>
      </c>
      <c r="C128" s="2" t="s">
        <v>526</v>
      </c>
      <c r="D128" s="2" t="s">
        <v>416</v>
      </c>
      <c r="E128" s="2" t="s">
        <v>24</v>
      </c>
      <c r="F128" s="2" t="s">
        <v>25</v>
      </c>
      <c r="G128" s="2" t="s">
        <v>527</v>
      </c>
      <c r="H128" s="2" t="s">
        <v>14</v>
      </c>
      <c r="I128" s="3">
        <v>33505</v>
      </c>
      <c r="J128" s="3">
        <v>44776</v>
      </c>
      <c r="K128" s="2" t="s">
        <v>40</v>
      </c>
      <c r="L128" s="2" t="s">
        <v>41</v>
      </c>
      <c r="M128" s="2" t="s">
        <v>15</v>
      </c>
    </row>
    <row r="129" spans="1:13" x14ac:dyDescent="0.25">
      <c r="A129" s="2" t="s">
        <v>528</v>
      </c>
      <c r="B129" s="2" t="s">
        <v>18</v>
      </c>
      <c r="C129" s="2" t="s">
        <v>529</v>
      </c>
      <c r="D129" s="2" t="s">
        <v>530</v>
      </c>
      <c r="E129" s="2" t="s">
        <v>24</v>
      </c>
      <c r="F129" s="2" t="s">
        <v>25</v>
      </c>
      <c r="G129" s="2" t="s">
        <v>531</v>
      </c>
      <c r="H129" s="2" t="s">
        <v>19</v>
      </c>
      <c r="I129" s="3">
        <v>33768</v>
      </c>
      <c r="J129" s="3">
        <v>44817</v>
      </c>
      <c r="K129" s="2" t="s">
        <v>40</v>
      </c>
      <c r="L129" s="2" t="s">
        <v>212</v>
      </c>
      <c r="M129" s="2" t="s">
        <v>15</v>
      </c>
    </row>
    <row r="130" spans="1:13" x14ac:dyDescent="0.25">
      <c r="A130" s="2" t="s">
        <v>532</v>
      </c>
      <c r="B130" s="2" t="s">
        <v>18</v>
      </c>
      <c r="C130" s="2" t="s">
        <v>533</v>
      </c>
      <c r="D130" s="2" t="s">
        <v>534</v>
      </c>
      <c r="E130" s="2" t="s">
        <v>24</v>
      </c>
      <c r="F130" s="2" t="s">
        <v>25</v>
      </c>
      <c r="H130" s="2" t="s">
        <v>19</v>
      </c>
      <c r="I130" s="3">
        <v>31102</v>
      </c>
      <c r="J130" s="3">
        <v>44837</v>
      </c>
      <c r="K130" s="2" t="s">
        <v>40</v>
      </c>
      <c r="L130" s="2" t="s">
        <v>212</v>
      </c>
      <c r="M130" s="2" t="s">
        <v>15</v>
      </c>
    </row>
    <row r="131" spans="1:13" x14ac:dyDescent="0.25">
      <c r="A131" s="2" t="s">
        <v>535</v>
      </c>
      <c r="B131" s="2" t="s">
        <v>13</v>
      </c>
      <c r="C131" s="2" t="s">
        <v>536</v>
      </c>
      <c r="D131" s="2" t="s">
        <v>151</v>
      </c>
      <c r="E131" s="2" t="s">
        <v>24</v>
      </c>
      <c r="F131" s="2" t="s">
        <v>25</v>
      </c>
      <c r="G131" s="2" t="s">
        <v>537</v>
      </c>
      <c r="H131" s="2" t="s">
        <v>14</v>
      </c>
      <c r="I131" s="3">
        <v>33253</v>
      </c>
      <c r="J131" s="3">
        <v>44789</v>
      </c>
      <c r="K131" s="2" t="s">
        <v>40</v>
      </c>
      <c r="L131" s="2" t="s">
        <v>41</v>
      </c>
      <c r="M131" s="2" t="s">
        <v>15</v>
      </c>
    </row>
    <row r="132" spans="1:13" x14ac:dyDescent="0.25">
      <c r="A132" s="2" t="s">
        <v>538</v>
      </c>
      <c r="B132" s="2" t="s">
        <v>13</v>
      </c>
      <c r="C132" s="2" t="s">
        <v>539</v>
      </c>
      <c r="D132" s="2" t="s">
        <v>540</v>
      </c>
      <c r="E132" s="2" t="s">
        <v>24</v>
      </c>
      <c r="F132" s="2" t="s">
        <v>25</v>
      </c>
      <c r="G132" s="2" t="s">
        <v>541</v>
      </c>
      <c r="H132" s="2" t="s">
        <v>14</v>
      </c>
      <c r="I132" s="3">
        <v>33921</v>
      </c>
      <c r="J132" s="3">
        <v>44817</v>
      </c>
      <c r="K132" s="2" t="s">
        <v>40</v>
      </c>
      <c r="L132" s="2" t="s">
        <v>51</v>
      </c>
      <c r="M132" s="2" t="s">
        <v>15</v>
      </c>
    </row>
    <row r="133" spans="1:13" x14ac:dyDescent="0.25">
      <c r="A133" s="2" t="s">
        <v>542</v>
      </c>
      <c r="B133" s="2" t="s">
        <v>18</v>
      </c>
      <c r="C133" s="2" t="s">
        <v>543</v>
      </c>
      <c r="D133" s="2" t="s">
        <v>544</v>
      </c>
      <c r="E133" s="2" t="s">
        <v>24</v>
      </c>
      <c r="F133" s="2" t="s">
        <v>25</v>
      </c>
      <c r="G133" s="2" t="s">
        <v>545</v>
      </c>
      <c r="H133" s="2" t="s">
        <v>19</v>
      </c>
      <c r="I133" s="3">
        <v>32427</v>
      </c>
      <c r="J133" s="3">
        <v>44839</v>
      </c>
      <c r="K133" s="2" t="s">
        <v>40</v>
      </c>
      <c r="L133" s="2" t="s">
        <v>148</v>
      </c>
      <c r="M133" s="2" t="s">
        <v>15</v>
      </c>
    </row>
    <row r="134" spans="1:13" x14ac:dyDescent="0.25">
      <c r="A134" s="2" t="s">
        <v>546</v>
      </c>
      <c r="B134" s="2" t="s">
        <v>20</v>
      </c>
      <c r="C134" s="2" t="s">
        <v>547</v>
      </c>
      <c r="D134" s="2" t="s">
        <v>548</v>
      </c>
      <c r="E134" s="2" t="s">
        <v>24</v>
      </c>
      <c r="F134" s="2" t="s">
        <v>25</v>
      </c>
      <c r="G134" s="2" t="s">
        <v>549</v>
      </c>
      <c r="H134" s="2" t="s">
        <v>19</v>
      </c>
      <c r="I134" s="3">
        <v>26780</v>
      </c>
      <c r="J134" s="3">
        <v>44816</v>
      </c>
      <c r="K134" s="2" t="s">
        <v>40</v>
      </c>
      <c r="L134" s="2" t="s">
        <v>550</v>
      </c>
      <c r="M134" s="2" t="s">
        <v>15</v>
      </c>
    </row>
    <row r="135" spans="1:13" x14ac:dyDescent="0.25">
      <c r="A135" s="2" t="s">
        <v>551</v>
      </c>
      <c r="B135" s="2" t="s">
        <v>13</v>
      </c>
      <c r="C135" s="2" t="s">
        <v>552</v>
      </c>
      <c r="D135" s="2" t="s">
        <v>77</v>
      </c>
      <c r="E135" s="2" t="s">
        <v>24</v>
      </c>
      <c r="F135" s="2" t="s">
        <v>25</v>
      </c>
      <c r="G135" s="2" t="s">
        <v>553</v>
      </c>
      <c r="H135" s="2" t="s">
        <v>14</v>
      </c>
      <c r="I135" s="3">
        <v>35857</v>
      </c>
      <c r="J135" s="3">
        <v>44803</v>
      </c>
      <c r="K135" s="2" t="s">
        <v>40</v>
      </c>
      <c r="L135" s="2" t="s">
        <v>79</v>
      </c>
      <c r="M135" s="2" t="s">
        <v>15</v>
      </c>
    </row>
    <row r="136" spans="1:13" x14ac:dyDescent="0.25">
      <c r="A136" s="2" t="s">
        <v>554</v>
      </c>
      <c r="B136" s="2" t="s">
        <v>13</v>
      </c>
      <c r="C136" s="2" t="s">
        <v>555</v>
      </c>
      <c r="D136" s="2" t="s">
        <v>54</v>
      </c>
      <c r="E136" s="2" t="s">
        <v>24</v>
      </c>
      <c r="F136" s="2" t="s">
        <v>25</v>
      </c>
      <c r="G136" s="2" t="s">
        <v>556</v>
      </c>
      <c r="H136" s="2" t="s">
        <v>14</v>
      </c>
      <c r="I136" s="3">
        <v>32713</v>
      </c>
      <c r="J136" s="3">
        <v>44817</v>
      </c>
      <c r="K136" s="2" t="s">
        <v>40</v>
      </c>
      <c r="L136" s="2" t="s">
        <v>56</v>
      </c>
      <c r="M136" s="2" t="s">
        <v>15</v>
      </c>
    </row>
    <row r="137" spans="1:13" x14ac:dyDescent="0.25">
      <c r="A137" s="2" t="s">
        <v>557</v>
      </c>
      <c r="B137" s="2" t="s">
        <v>18</v>
      </c>
      <c r="C137" s="2" t="s">
        <v>558</v>
      </c>
      <c r="D137" s="2" t="s">
        <v>559</v>
      </c>
      <c r="E137" s="2" t="s">
        <v>24</v>
      </c>
      <c r="F137" s="2" t="s">
        <v>25</v>
      </c>
      <c r="G137" s="2" t="s">
        <v>560</v>
      </c>
      <c r="H137" s="2" t="s">
        <v>19</v>
      </c>
      <c r="I137" s="3">
        <v>33315</v>
      </c>
      <c r="J137" s="3">
        <v>44755</v>
      </c>
      <c r="K137" s="2" t="s">
        <v>40</v>
      </c>
      <c r="L137" s="2" t="s">
        <v>255</v>
      </c>
      <c r="M137" s="2" t="s">
        <v>15</v>
      </c>
    </row>
    <row r="138" spans="1:13" x14ac:dyDescent="0.25">
      <c r="A138" s="2" t="s">
        <v>561</v>
      </c>
      <c r="B138" s="2" t="s">
        <v>18</v>
      </c>
      <c r="C138" s="2" t="s">
        <v>562</v>
      </c>
      <c r="D138" s="2" t="s">
        <v>563</v>
      </c>
      <c r="E138" s="2" t="s">
        <v>26</v>
      </c>
      <c r="F138" s="2" t="s">
        <v>27</v>
      </c>
      <c r="G138" s="2" t="s">
        <v>564</v>
      </c>
      <c r="H138" s="2" t="s">
        <v>19</v>
      </c>
      <c r="I138" s="3">
        <v>33904</v>
      </c>
      <c r="J138" s="3">
        <v>44768</v>
      </c>
      <c r="K138" s="2" t="s">
        <v>40</v>
      </c>
      <c r="L138" s="2" t="s">
        <v>148</v>
      </c>
      <c r="M138" s="2" t="s">
        <v>15</v>
      </c>
    </row>
    <row r="139" spans="1:13" x14ac:dyDescent="0.25">
      <c r="A139" s="2" t="s">
        <v>565</v>
      </c>
      <c r="B139" s="2" t="s">
        <v>13</v>
      </c>
      <c r="C139" s="2" t="s">
        <v>566</v>
      </c>
      <c r="D139" s="2" t="s">
        <v>116</v>
      </c>
      <c r="E139" s="2" t="s">
        <v>24</v>
      </c>
      <c r="F139" s="2" t="s">
        <v>25</v>
      </c>
      <c r="G139" s="2" t="s">
        <v>567</v>
      </c>
      <c r="H139" s="2" t="s">
        <v>14</v>
      </c>
      <c r="I139" s="3">
        <v>32837</v>
      </c>
      <c r="J139" s="3">
        <v>44713</v>
      </c>
      <c r="K139" s="2" t="s">
        <v>40</v>
      </c>
      <c r="L139" s="2" t="s">
        <v>51</v>
      </c>
      <c r="M139" s="2" t="s">
        <v>15</v>
      </c>
    </row>
    <row r="140" spans="1:13" x14ac:dyDescent="0.25">
      <c r="A140" s="2" t="s">
        <v>568</v>
      </c>
      <c r="B140" s="2" t="s">
        <v>13</v>
      </c>
      <c r="C140" s="2" t="s">
        <v>569</v>
      </c>
      <c r="D140" s="2" t="s">
        <v>86</v>
      </c>
      <c r="E140" s="2" t="s">
        <v>16</v>
      </c>
      <c r="F140" s="2" t="s">
        <v>17</v>
      </c>
      <c r="G140" s="2" t="s">
        <v>570</v>
      </c>
      <c r="H140" s="2" t="s">
        <v>14</v>
      </c>
      <c r="I140" s="3">
        <v>30366</v>
      </c>
      <c r="J140" s="3">
        <v>44771</v>
      </c>
      <c r="K140" s="2" t="s">
        <v>40</v>
      </c>
      <c r="L140" s="2" t="s">
        <v>88</v>
      </c>
      <c r="M140" s="2" t="s">
        <v>15</v>
      </c>
    </row>
    <row r="141" spans="1:13" x14ac:dyDescent="0.25">
      <c r="A141" s="2" t="s">
        <v>571</v>
      </c>
      <c r="B141" s="2" t="s">
        <v>18</v>
      </c>
      <c r="C141" s="2" t="s">
        <v>572</v>
      </c>
      <c r="D141" s="2" t="s">
        <v>573</v>
      </c>
      <c r="E141" s="2" t="s">
        <v>24</v>
      </c>
      <c r="F141" s="2" t="s">
        <v>25</v>
      </c>
      <c r="G141" s="2" t="s">
        <v>574</v>
      </c>
      <c r="H141" s="2" t="s">
        <v>19</v>
      </c>
      <c r="I141" s="3">
        <v>35345</v>
      </c>
      <c r="J141" s="3">
        <v>44767</v>
      </c>
      <c r="K141" s="2" t="s">
        <v>40</v>
      </c>
      <c r="L141" s="2" t="s">
        <v>575</v>
      </c>
      <c r="M141" s="2" t="s">
        <v>15</v>
      </c>
    </row>
    <row r="142" spans="1:13" x14ac:dyDescent="0.25">
      <c r="A142" s="2" t="s">
        <v>576</v>
      </c>
      <c r="B142" s="2" t="s">
        <v>13</v>
      </c>
      <c r="C142" s="2" t="s">
        <v>577</v>
      </c>
      <c r="D142" s="2" t="s">
        <v>578</v>
      </c>
      <c r="E142" s="2" t="s">
        <v>35</v>
      </c>
      <c r="F142" s="2" t="s">
        <v>25</v>
      </c>
      <c r="G142" s="2" t="s">
        <v>579</v>
      </c>
      <c r="H142" s="2" t="s">
        <v>14</v>
      </c>
      <c r="I142" s="3">
        <v>31833</v>
      </c>
      <c r="J142" s="3">
        <v>44837</v>
      </c>
      <c r="K142" s="2" t="s">
        <v>40</v>
      </c>
      <c r="L142" s="2" t="s">
        <v>212</v>
      </c>
      <c r="M142" s="2" t="s">
        <v>15</v>
      </c>
    </row>
    <row r="143" spans="1:13" x14ac:dyDescent="0.25">
      <c r="A143" s="2" t="s">
        <v>580</v>
      </c>
      <c r="B143" s="2" t="s">
        <v>18</v>
      </c>
      <c r="C143" s="2" t="s">
        <v>581</v>
      </c>
      <c r="D143" s="2" t="s">
        <v>582</v>
      </c>
      <c r="E143" s="2" t="s">
        <v>24</v>
      </c>
      <c r="F143" s="2" t="s">
        <v>25</v>
      </c>
      <c r="G143" s="2" t="s">
        <v>583</v>
      </c>
      <c r="H143" s="2" t="s">
        <v>19</v>
      </c>
      <c r="I143" s="3">
        <v>34842</v>
      </c>
      <c r="J143" s="3">
        <v>44818</v>
      </c>
      <c r="K143" s="2" t="s">
        <v>40</v>
      </c>
      <c r="L143" s="2" t="s">
        <v>332</v>
      </c>
      <c r="M143" s="2" t="s">
        <v>15</v>
      </c>
    </row>
    <row r="144" spans="1:13" x14ac:dyDescent="0.25">
      <c r="A144" s="2" t="s">
        <v>584</v>
      </c>
      <c r="B144" s="2" t="s">
        <v>13</v>
      </c>
      <c r="C144" s="2" t="s">
        <v>585</v>
      </c>
      <c r="D144" s="2" t="s">
        <v>330</v>
      </c>
      <c r="E144" s="2" t="s">
        <v>24</v>
      </c>
      <c r="F144" s="2" t="s">
        <v>25</v>
      </c>
      <c r="G144" s="2" t="s">
        <v>586</v>
      </c>
      <c r="H144" s="2" t="s">
        <v>14</v>
      </c>
      <c r="I144" s="3">
        <v>35204</v>
      </c>
      <c r="J144" s="3">
        <v>44764</v>
      </c>
      <c r="K144" s="2" t="s">
        <v>40</v>
      </c>
      <c r="L144" s="2" t="s">
        <v>332</v>
      </c>
      <c r="M144" s="2" t="s">
        <v>15</v>
      </c>
    </row>
    <row r="145" spans="1:13" x14ac:dyDescent="0.25">
      <c r="A145" s="2" t="s">
        <v>587</v>
      </c>
      <c r="B145" s="2" t="s">
        <v>18</v>
      </c>
      <c r="C145" s="2" t="s">
        <v>588</v>
      </c>
      <c r="D145" s="2" t="s">
        <v>589</v>
      </c>
      <c r="E145" s="2" t="s">
        <v>24</v>
      </c>
      <c r="F145" s="2" t="s">
        <v>25</v>
      </c>
      <c r="G145" s="2" t="s">
        <v>590</v>
      </c>
      <c r="H145" s="2" t="s">
        <v>19</v>
      </c>
      <c r="I145" s="3">
        <v>30575</v>
      </c>
      <c r="J145" s="3">
        <v>44819</v>
      </c>
      <c r="K145" s="2" t="s">
        <v>40</v>
      </c>
      <c r="L145" s="2" t="s">
        <v>51</v>
      </c>
      <c r="M145" s="2" t="s">
        <v>15</v>
      </c>
    </row>
    <row r="146" spans="1:13" x14ac:dyDescent="0.25">
      <c r="A146" s="2" t="s">
        <v>591</v>
      </c>
      <c r="B146" s="2" t="s">
        <v>13</v>
      </c>
      <c r="C146" s="2" t="s">
        <v>592</v>
      </c>
      <c r="D146" s="2" t="s">
        <v>548</v>
      </c>
      <c r="E146" s="2" t="s">
        <v>26</v>
      </c>
      <c r="F146" s="2" t="s">
        <v>27</v>
      </c>
      <c r="G146" s="2" t="s">
        <v>593</v>
      </c>
      <c r="H146" s="2" t="s">
        <v>14</v>
      </c>
      <c r="I146" s="3">
        <v>32265</v>
      </c>
      <c r="J146" s="3">
        <v>44817</v>
      </c>
      <c r="K146" s="2" t="s">
        <v>40</v>
      </c>
      <c r="L146" s="2" t="s">
        <v>550</v>
      </c>
      <c r="M146" s="2" t="s">
        <v>15</v>
      </c>
    </row>
    <row r="147" spans="1:13" x14ac:dyDescent="0.25">
      <c r="A147" s="2" t="s">
        <v>594</v>
      </c>
      <c r="B147" s="2" t="s">
        <v>13</v>
      </c>
      <c r="C147" s="2" t="s">
        <v>595</v>
      </c>
      <c r="D147" s="2" t="s">
        <v>596</v>
      </c>
      <c r="E147" s="2" t="s">
        <v>26</v>
      </c>
      <c r="F147" s="2" t="s">
        <v>27</v>
      </c>
      <c r="G147" s="2" t="s">
        <v>597</v>
      </c>
      <c r="H147" s="2" t="s">
        <v>14</v>
      </c>
      <c r="I147" s="3">
        <v>36537</v>
      </c>
      <c r="J147" s="3">
        <v>44803</v>
      </c>
      <c r="K147" s="2" t="s">
        <v>40</v>
      </c>
      <c r="L147" s="2" t="s">
        <v>41</v>
      </c>
      <c r="M147" s="2" t="s">
        <v>15</v>
      </c>
    </row>
    <row r="148" spans="1:13" x14ac:dyDescent="0.25">
      <c r="A148" s="2" t="s">
        <v>598</v>
      </c>
      <c r="B148" s="2" t="s">
        <v>13</v>
      </c>
      <c r="C148" s="2" t="s">
        <v>599</v>
      </c>
      <c r="D148" s="2" t="s">
        <v>548</v>
      </c>
      <c r="E148" s="2" t="s">
        <v>26</v>
      </c>
      <c r="F148" s="2" t="s">
        <v>27</v>
      </c>
      <c r="G148" s="2" t="s">
        <v>600</v>
      </c>
      <c r="H148" s="2" t="s">
        <v>14</v>
      </c>
      <c r="I148" s="3">
        <v>34483</v>
      </c>
      <c r="J148" s="3">
        <v>44823</v>
      </c>
      <c r="K148" s="2" t="s">
        <v>40</v>
      </c>
      <c r="L148" s="2" t="s">
        <v>550</v>
      </c>
      <c r="M148" s="2" t="s">
        <v>15</v>
      </c>
    </row>
    <row r="149" spans="1:13" x14ac:dyDescent="0.25">
      <c r="A149" s="2" t="s">
        <v>601</v>
      </c>
      <c r="B149" s="2" t="s">
        <v>18</v>
      </c>
      <c r="C149" s="2" t="s">
        <v>602</v>
      </c>
      <c r="D149" s="2" t="s">
        <v>603</v>
      </c>
      <c r="E149" s="2" t="s">
        <v>24</v>
      </c>
      <c r="F149" s="2" t="s">
        <v>25</v>
      </c>
      <c r="G149" s="2" t="s">
        <v>604</v>
      </c>
      <c r="H149" s="2" t="s">
        <v>19</v>
      </c>
      <c r="I149" s="3">
        <v>33115</v>
      </c>
      <c r="J149" s="3">
        <v>44739</v>
      </c>
      <c r="K149" s="2" t="s">
        <v>40</v>
      </c>
      <c r="L149" s="2" t="s">
        <v>134</v>
      </c>
      <c r="M149" s="2" t="s">
        <v>15</v>
      </c>
    </row>
    <row r="150" spans="1:13" x14ac:dyDescent="0.25">
      <c r="A150" s="2" t="s">
        <v>605</v>
      </c>
      <c r="B150" s="2" t="s">
        <v>13</v>
      </c>
      <c r="C150" s="2" t="s">
        <v>606</v>
      </c>
      <c r="D150" s="2" t="s">
        <v>174</v>
      </c>
      <c r="E150" s="2" t="s">
        <v>24</v>
      </c>
      <c r="F150" s="2" t="s">
        <v>25</v>
      </c>
      <c r="G150" s="2" t="s">
        <v>607</v>
      </c>
      <c r="H150" s="2" t="s">
        <v>14</v>
      </c>
      <c r="I150" s="3">
        <v>33233</v>
      </c>
      <c r="J150" s="3">
        <v>44739</v>
      </c>
      <c r="K150" s="2" t="s">
        <v>40</v>
      </c>
      <c r="L150" s="2" t="s">
        <v>102</v>
      </c>
      <c r="M150" s="2" t="s">
        <v>15</v>
      </c>
    </row>
    <row r="151" spans="1:13" x14ac:dyDescent="0.25">
      <c r="A151" s="2" t="s">
        <v>608</v>
      </c>
      <c r="B151" s="2" t="s">
        <v>13</v>
      </c>
      <c r="C151" s="2" t="s">
        <v>609</v>
      </c>
      <c r="D151" s="2" t="s">
        <v>610</v>
      </c>
      <c r="E151" s="2" t="s">
        <v>24</v>
      </c>
      <c r="F151" s="2" t="s">
        <v>25</v>
      </c>
      <c r="G151" s="2" t="s">
        <v>611</v>
      </c>
      <c r="H151" s="2" t="s">
        <v>14</v>
      </c>
      <c r="I151" s="3">
        <v>32826</v>
      </c>
      <c r="J151" s="3">
        <v>44755</v>
      </c>
      <c r="K151" s="2" t="s">
        <v>40</v>
      </c>
      <c r="L151" s="2" t="s">
        <v>51</v>
      </c>
      <c r="M151" s="2" t="s">
        <v>15</v>
      </c>
    </row>
    <row r="152" spans="1:13" x14ac:dyDescent="0.25">
      <c r="A152" s="2" t="s">
        <v>612</v>
      </c>
      <c r="B152" s="2" t="s">
        <v>13</v>
      </c>
      <c r="C152" s="2" t="s">
        <v>613</v>
      </c>
      <c r="D152" s="2" t="s">
        <v>614</v>
      </c>
      <c r="E152" s="2" t="s">
        <v>24</v>
      </c>
      <c r="F152" s="2" t="s">
        <v>25</v>
      </c>
      <c r="G152" s="2" t="s">
        <v>615</v>
      </c>
      <c r="H152" s="2" t="s">
        <v>14</v>
      </c>
      <c r="I152" s="3">
        <v>32943</v>
      </c>
      <c r="J152" s="3">
        <v>44713</v>
      </c>
      <c r="K152" s="2" t="s">
        <v>40</v>
      </c>
      <c r="L152" s="2" t="s">
        <v>51</v>
      </c>
      <c r="M152" s="2" t="s">
        <v>15</v>
      </c>
    </row>
    <row r="153" spans="1:13" x14ac:dyDescent="0.25">
      <c r="A153" s="2" t="s">
        <v>616</v>
      </c>
      <c r="B153" s="2" t="s">
        <v>13</v>
      </c>
      <c r="C153" s="2" t="s">
        <v>617</v>
      </c>
      <c r="D153" s="2" t="s">
        <v>289</v>
      </c>
      <c r="E153" s="2" t="s">
        <v>26</v>
      </c>
      <c r="F153" s="2" t="s">
        <v>27</v>
      </c>
      <c r="G153" s="2" t="s">
        <v>618</v>
      </c>
      <c r="H153" s="2" t="s">
        <v>14</v>
      </c>
      <c r="I153" s="3">
        <v>35709</v>
      </c>
      <c r="J153" s="3">
        <v>44768</v>
      </c>
      <c r="K153" s="2" t="s">
        <v>40</v>
      </c>
      <c r="L153" s="2" t="s">
        <v>46</v>
      </c>
      <c r="M153" s="2" t="s">
        <v>15</v>
      </c>
    </row>
    <row r="154" spans="1:13" x14ac:dyDescent="0.25">
      <c r="A154" s="2" t="s">
        <v>619</v>
      </c>
      <c r="B154" s="2" t="s">
        <v>13</v>
      </c>
      <c r="C154" s="2" t="s">
        <v>620</v>
      </c>
      <c r="D154" s="2" t="s">
        <v>116</v>
      </c>
      <c r="E154" s="2" t="s">
        <v>26</v>
      </c>
      <c r="F154" s="2" t="s">
        <v>27</v>
      </c>
      <c r="G154" s="2" t="s">
        <v>621</v>
      </c>
      <c r="H154" s="2" t="s">
        <v>14</v>
      </c>
      <c r="I154" s="3">
        <v>33147</v>
      </c>
      <c r="J154" s="3">
        <v>44768</v>
      </c>
      <c r="K154" s="2" t="s">
        <v>40</v>
      </c>
      <c r="L154" s="2" t="s">
        <v>51</v>
      </c>
      <c r="M154" s="2" t="s">
        <v>15</v>
      </c>
    </row>
    <row r="155" spans="1:13" x14ac:dyDescent="0.25">
      <c r="A155" s="2" t="s">
        <v>622</v>
      </c>
      <c r="B155" s="2" t="s">
        <v>18</v>
      </c>
      <c r="C155" s="2" t="s">
        <v>623</v>
      </c>
      <c r="D155" s="2" t="s">
        <v>464</v>
      </c>
      <c r="E155" s="2" t="s">
        <v>24</v>
      </c>
      <c r="F155" s="2" t="s">
        <v>25</v>
      </c>
      <c r="G155" s="2" t="s">
        <v>624</v>
      </c>
      <c r="H155" s="2" t="s">
        <v>19</v>
      </c>
      <c r="I155" s="3">
        <v>29496</v>
      </c>
      <c r="J155" s="3">
        <v>44770</v>
      </c>
      <c r="K155" s="2" t="s">
        <v>40</v>
      </c>
      <c r="L155" s="2" t="s">
        <v>134</v>
      </c>
      <c r="M155" s="2" t="s">
        <v>15</v>
      </c>
    </row>
    <row r="156" spans="1:13" x14ac:dyDescent="0.25">
      <c r="A156" s="2" t="s">
        <v>625</v>
      </c>
      <c r="B156" s="2" t="s">
        <v>13</v>
      </c>
      <c r="C156" s="2" t="s">
        <v>626</v>
      </c>
      <c r="D156" s="2" t="s">
        <v>116</v>
      </c>
      <c r="E156" s="2" t="s">
        <v>24</v>
      </c>
      <c r="F156" s="2" t="s">
        <v>25</v>
      </c>
      <c r="G156" s="2" t="s">
        <v>627</v>
      </c>
      <c r="H156" s="2" t="s">
        <v>14</v>
      </c>
      <c r="I156" s="3">
        <v>34377</v>
      </c>
      <c r="J156" s="3">
        <v>44713</v>
      </c>
      <c r="K156" s="2" t="s">
        <v>40</v>
      </c>
      <c r="L156" s="2" t="s">
        <v>51</v>
      </c>
      <c r="M156" s="2" t="s">
        <v>15</v>
      </c>
    </row>
    <row r="157" spans="1:13" x14ac:dyDescent="0.25">
      <c r="A157" s="2" t="s">
        <v>628</v>
      </c>
      <c r="B157" s="2" t="s">
        <v>13</v>
      </c>
      <c r="C157" s="2" t="s">
        <v>629</v>
      </c>
      <c r="D157" s="2" t="s">
        <v>630</v>
      </c>
      <c r="E157" s="2" t="s">
        <v>24</v>
      </c>
      <c r="F157" s="2" t="s">
        <v>25</v>
      </c>
      <c r="G157" s="2" t="s">
        <v>631</v>
      </c>
      <c r="H157" s="2" t="s">
        <v>14</v>
      </c>
      <c r="I157" s="3">
        <v>35312</v>
      </c>
      <c r="J157" s="3">
        <v>44746</v>
      </c>
      <c r="K157" s="2" t="s">
        <v>40</v>
      </c>
      <c r="L157" s="2" t="s">
        <v>51</v>
      </c>
      <c r="M157" s="2" t="s">
        <v>15</v>
      </c>
    </row>
    <row r="158" spans="1:13" x14ac:dyDescent="0.25">
      <c r="A158" s="2" t="s">
        <v>632</v>
      </c>
      <c r="B158" s="2" t="s">
        <v>13</v>
      </c>
      <c r="C158" s="2" t="s">
        <v>633</v>
      </c>
      <c r="D158" s="2" t="s">
        <v>91</v>
      </c>
      <c r="E158" s="2" t="s">
        <v>24</v>
      </c>
      <c r="F158" s="2" t="s">
        <v>25</v>
      </c>
      <c r="G158" s="2" t="s">
        <v>634</v>
      </c>
      <c r="H158" s="2" t="s">
        <v>14</v>
      </c>
      <c r="I158" s="3">
        <v>33500</v>
      </c>
      <c r="J158" s="3">
        <v>44740</v>
      </c>
      <c r="K158" s="2" t="s">
        <v>40</v>
      </c>
      <c r="L158" s="2" t="s">
        <v>51</v>
      </c>
      <c r="M158" s="2" t="s">
        <v>15</v>
      </c>
    </row>
    <row r="159" spans="1:13" x14ac:dyDescent="0.25">
      <c r="A159" s="2" t="s">
        <v>635</v>
      </c>
      <c r="B159" s="2" t="s">
        <v>18</v>
      </c>
      <c r="C159" s="2" t="s">
        <v>636</v>
      </c>
      <c r="D159" s="2" t="s">
        <v>637</v>
      </c>
      <c r="E159" s="2" t="s">
        <v>24</v>
      </c>
      <c r="F159" s="2" t="s">
        <v>25</v>
      </c>
      <c r="G159" s="2" t="s">
        <v>638</v>
      </c>
      <c r="H159" s="2" t="s">
        <v>19</v>
      </c>
      <c r="I159" s="3">
        <v>33145</v>
      </c>
      <c r="J159" s="3">
        <v>44768</v>
      </c>
      <c r="K159" s="2" t="s">
        <v>40</v>
      </c>
      <c r="L159" s="2" t="s">
        <v>51</v>
      </c>
      <c r="M159" s="2" t="s">
        <v>15</v>
      </c>
    </row>
    <row r="160" spans="1:13" x14ac:dyDescent="0.25">
      <c r="A160" s="2" t="s">
        <v>639</v>
      </c>
      <c r="B160" s="2" t="s">
        <v>13</v>
      </c>
      <c r="C160" s="2" t="s">
        <v>640</v>
      </c>
      <c r="D160" s="2" t="s">
        <v>641</v>
      </c>
      <c r="E160" s="2" t="s">
        <v>24</v>
      </c>
      <c r="F160" s="2" t="s">
        <v>25</v>
      </c>
      <c r="G160" s="2" t="s">
        <v>642</v>
      </c>
      <c r="H160" s="2" t="s">
        <v>14</v>
      </c>
      <c r="I160" s="3">
        <v>34806</v>
      </c>
      <c r="J160" s="3">
        <v>44781</v>
      </c>
      <c r="K160" s="2" t="s">
        <v>40</v>
      </c>
      <c r="L160" s="2" t="s">
        <v>102</v>
      </c>
      <c r="M160" s="2" t="s">
        <v>15</v>
      </c>
    </row>
    <row r="161" spans="1:13" x14ac:dyDescent="0.25">
      <c r="A161" s="2" t="s">
        <v>643</v>
      </c>
      <c r="B161" s="2" t="s">
        <v>13</v>
      </c>
      <c r="C161" s="2" t="s">
        <v>644</v>
      </c>
      <c r="D161" s="2" t="s">
        <v>645</v>
      </c>
      <c r="E161" s="2" t="s">
        <v>26</v>
      </c>
      <c r="F161" s="2" t="s">
        <v>27</v>
      </c>
      <c r="G161" s="2" t="s">
        <v>646</v>
      </c>
      <c r="H161" s="2" t="s">
        <v>14</v>
      </c>
      <c r="I161" s="3">
        <v>32536</v>
      </c>
      <c r="J161" s="3">
        <v>44761</v>
      </c>
      <c r="K161" s="2" t="s">
        <v>40</v>
      </c>
      <c r="L161" s="2" t="s">
        <v>41</v>
      </c>
      <c r="M161" s="2" t="s">
        <v>15</v>
      </c>
    </row>
    <row r="162" spans="1:13" x14ac:dyDescent="0.25">
      <c r="A162" s="2" t="s">
        <v>647</v>
      </c>
      <c r="B162" s="2" t="s">
        <v>20</v>
      </c>
      <c r="C162" s="2" t="s">
        <v>648</v>
      </c>
      <c r="D162" s="2" t="s">
        <v>649</v>
      </c>
      <c r="E162" s="2" t="s">
        <v>24</v>
      </c>
      <c r="F162" s="2" t="s">
        <v>25</v>
      </c>
      <c r="G162" s="2" t="s">
        <v>650</v>
      </c>
      <c r="H162" s="2" t="s">
        <v>19</v>
      </c>
      <c r="I162" s="3">
        <v>31755</v>
      </c>
      <c r="J162" s="3">
        <v>44776</v>
      </c>
      <c r="K162" s="2" t="s">
        <v>40</v>
      </c>
      <c r="L162" s="2" t="s">
        <v>41</v>
      </c>
      <c r="M162" s="2" t="s">
        <v>15</v>
      </c>
    </row>
    <row r="163" spans="1:13" x14ac:dyDescent="0.25">
      <c r="A163" s="2" t="s">
        <v>651</v>
      </c>
      <c r="B163" s="2" t="s">
        <v>13</v>
      </c>
      <c r="C163" s="2" t="s">
        <v>652</v>
      </c>
      <c r="D163" s="2" t="s">
        <v>196</v>
      </c>
      <c r="E163" s="2" t="s">
        <v>24</v>
      </c>
      <c r="F163" s="2" t="s">
        <v>25</v>
      </c>
      <c r="G163" s="2" t="s">
        <v>653</v>
      </c>
      <c r="H163" s="2" t="s">
        <v>14</v>
      </c>
      <c r="I163" s="3">
        <v>31930</v>
      </c>
      <c r="J163" s="3">
        <v>44760</v>
      </c>
      <c r="K163" s="2" t="s">
        <v>40</v>
      </c>
      <c r="L163" s="2" t="s">
        <v>51</v>
      </c>
      <c r="M163" s="2" t="s">
        <v>15</v>
      </c>
    </row>
    <row r="164" spans="1:13" x14ac:dyDescent="0.25">
      <c r="A164" s="2" t="s">
        <v>654</v>
      </c>
      <c r="B164" s="2" t="s">
        <v>18</v>
      </c>
      <c r="C164" s="2" t="s">
        <v>655</v>
      </c>
      <c r="D164" s="2" t="s">
        <v>656</v>
      </c>
      <c r="E164" s="2" t="s">
        <v>26</v>
      </c>
      <c r="F164" s="2" t="s">
        <v>27</v>
      </c>
      <c r="G164" s="2" t="s">
        <v>657</v>
      </c>
      <c r="H164" s="2" t="s">
        <v>19</v>
      </c>
      <c r="I164" s="3">
        <v>33817</v>
      </c>
      <c r="J164" s="3">
        <v>44767</v>
      </c>
      <c r="K164" s="2" t="s">
        <v>40</v>
      </c>
      <c r="L164" s="2" t="s">
        <v>51</v>
      </c>
      <c r="M164" s="2" t="s">
        <v>15</v>
      </c>
    </row>
    <row r="165" spans="1:13" x14ac:dyDescent="0.25">
      <c r="A165" s="2" t="s">
        <v>658</v>
      </c>
      <c r="B165" s="2" t="s">
        <v>13</v>
      </c>
      <c r="C165" s="2" t="s">
        <v>659</v>
      </c>
      <c r="D165" s="2" t="s">
        <v>196</v>
      </c>
      <c r="E165" s="2" t="s">
        <v>24</v>
      </c>
      <c r="F165" s="2" t="s">
        <v>25</v>
      </c>
      <c r="G165" s="2" t="s">
        <v>660</v>
      </c>
      <c r="H165" s="2" t="s">
        <v>14</v>
      </c>
      <c r="I165" s="3">
        <v>30651</v>
      </c>
      <c r="J165" s="3">
        <v>44767</v>
      </c>
      <c r="K165" s="2" t="s">
        <v>40</v>
      </c>
      <c r="L165" s="2" t="s">
        <v>51</v>
      </c>
      <c r="M165" s="2" t="s">
        <v>15</v>
      </c>
    </row>
    <row r="166" spans="1:13" x14ac:dyDescent="0.25">
      <c r="A166" s="2" t="s">
        <v>661</v>
      </c>
      <c r="B166" s="2" t="s">
        <v>13</v>
      </c>
      <c r="C166" s="2" t="s">
        <v>662</v>
      </c>
      <c r="D166" s="2" t="s">
        <v>663</v>
      </c>
      <c r="E166" s="2" t="s">
        <v>26</v>
      </c>
      <c r="F166" s="2" t="s">
        <v>27</v>
      </c>
      <c r="G166" s="2" t="s">
        <v>664</v>
      </c>
      <c r="H166" s="2" t="s">
        <v>14</v>
      </c>
      <c r="I166" s="3">
        <v>28547</v>
      </c>
      <c r="J166" s="3">
        <v>44774</v>
      </c>
      <c r="K166" s="2" t="s">
        <v>40</v>
      </c>
      <c r="L166" s="2" t="s">
        <v>550</v>
      </c>
      <c r="M166" s="2" t="s">
        <v>15</v>
      </c>
    </row>
    <row r="167" spans="1:13" x14ac:dyDescent="0.25">
      <c r="A167" s="2" t="s">
        <v>665</v>
      </c>
      <c r="B167" s="2" t="s">
        <v>13</v>
      </c>
      <c r="C167" s="2" t="s">
        <v>666</v>
      </c>
      <c r="D167" s="2" t="s">
        <v>289</v>
      </c>
      <c r="E167" s="2" t="s">
        <v>24</v>
      </c>
      <c r="F167" s="2" t="s">
        <v>25</v>
      </c>
      <c r="G167" s="2" t="s">
        <v>667</v>
      </c>
      <c r="H167" s="2" t="s">
        <v>14</v>
      </c>
      <c r="I167" s="3">
        <v>30755</v>
      </c>
      <c r="J167" s="3">
        <v>44714</v>
      </c>
      <c r="K167" s="2" t="s">
        <v>40</v>
      </c>
      <c r="L167" s="2" t="s">
        <v>46</v>
      </c>
      <c r="M167" s="2" t="s">
        <v>15</v>
      </c>
    </row>
    <row r="168" spans="1:13" x14ac:dyDescent="0.25">
      <c r="A168" s="2" t="s">
        <v>668</v>
      </c>
      <c r="B168" s="2" t="s">
        <v>18</v>
      </c>
      <c r="C168" s="2" t="s">
        <v>669</v>
      </c>
      <c r="D168" s="2" t="s">
        <v>86</v>
      </c>
      <c r="E168" s="2" t="s">
        <v>24</v>
      </c>
      <c r="F168" s="2" t="s">
        <v>25</v>
      </c>
      <c r="G168" s="2" t="s">
        <v>670</v>
      </c>
      <c r="H168" s="2" t="s">
        <v>19</v>
      </c>
      <c r="I168" s="3">
        <v>32881</v>
      </c>
      <c r="J168" s="3">
        <v>44768</v>
      </c>
      <c r="K168" s="2" t="s">
        <v>40</v>
      </c>
      <c r="L168" s="2" t="s">
        <v>88</v>
      </c>
      <c r="M168" s="2" t="s">
        <v>15</v>
      </c>
    </row>
    <row r="169" spans="1:13" x14ac:dyDescent="0.25">
      <c r="A169" s="2" t="s">
        <v>671</v>
      </c>
      <c r="B169" s="2" t="s">
        <v>13</v>
      </c>
      <c r="C169" s="2" t="s">
        <v>672</v>
      </c>
      <c r="D169" s="2" t="s">
        <v>196</v>
      </c>
      <c r="E169" s="2" t="s">
        <v>24</v>
      </c>
      <c r="F169" s="2" t="s">
        <v>25</v>
      </c>
      <c r="G169" s="2" t="s">
        <v>673</v>
      </c>
      <c r="H169" s="2" t="s">
        <v>14</v>
      </c>
      <c r="I169" s="3">
        <v>32905</v>
      </c>
      <c r="J169" s="3">
        <v>44785</v>
      </c>
      <c r="K169" s="2" t="s">
        <v>40</v>
      </c>
      <c r="L169" s="2" t="s">
        <v>51</v>
      </c>
      <c r="M169" s="2" t="s">
        <v>15</v>
      </c>
    </row>
    <row r="170" spans="1:13" x14ac:dyDescent="0.25">
      <c r="A170" s="2" t="s">
        <v>674</v>
      </c>
      <c r="B170" s="2" t="s">
        <v>18</v>
      </c>
      <c r="C170" s="2" t="s">
        <v>675</v>
      </c>
      <c r="D170" s="2" t="s">
        <v>676</v>
      </c>
      <c r="E170" s="2" t="s">
        <v>24</v>
      </c>
      <c r="F170" s="2" t="s">
        <v>25</v>
      </c>
      <c r="G170" s="2" t="s">
        <v>677</v>
      </c>
      <c r="H170" s="2" t="s">
        <v>19</v>
      </c>
      <c r="I170" s="3">
        <v>31709</v>
      </c>
      <c r="J170" s="3">
        <v>44783</v>
      </c>
      <c r="K170" s="2" t="s">
        <v>40</v>
      </c>
      <c r="L170" s="2" t="s">
        <v>434</v>
      </c>
      <c r="M170" s="2" t="s">
        <v>15</v>
      </c>
    </row>
    <row r="171" spans="1:13" x14ac:dyDescent="0.25">
      <c r="A171" s="2" t="s">
        <v>678</v>
      </c>
      <c r="B171" s="2" t="s">
        <v>13</v>
      </c>
      <c r="C171" s="2" t="s">
        <v>679</v>
      </c>
      <c r="D171" s="2" t="s">
        <v>196</v>
      </c>
      <c r="E171" s="2" t="s">
        <v>24</v>
      </c>
      <c r="F171" s="2" t="s">
        <v>25</v>
      </c>
      <c r="G171" s="2" t="s">
        <v>680</v>
      </c>
      <c r="H171" s="2" t="s">
        <v>14</v>
      </c>
      <c r="I171" s="3">
        <v>30853</v>
      </c>
      <c r="J171" s="3">
        <v>44790</v>
      </c>
      <c r="K171" s="2" t="s">
        <v>40</v>
      </c>
      <c r="L171" s="2" t="s">
        <v>51</v>
      </c>
      <c r="M171" s="2" t="s">
        <v>15</v>
      </c>
    </row>
    <row r="172" spans="1:13" x14ac:dyDescent="0.25">
      <c r="A172" s="2" t="s">
        <v>681</v>
      </c>
      <c r="B172" s="2" t="s">
        <v>20</v>
      </c>
      <c r="C172" s="2" t="s">
        <v>682</v>
      </c>
      <c r="D172" s="2" t="s">
        <v>683</v>
      </c>
      <c r="E172" s="2" t="s">
        <v>24</v>
      </c>
      <c r="F172" s="2" t="s">
        <v>25</v>
      </c>
      <c r="G172" s="2" t="s">
        <v>684</v>
      </c>
      <c r="H172" s="2" t="s">
        <v>19</v>
      </c>
      <c r="I172" s="3">
        <v>31017</v>
      </c>
      <c r="J172" s="3">
        <v>44783</v>
      </c>
      <c r="K172" s="2" t="s">
        <v>40</v>
      </c>
      <c r="L172" s="2" t="s">
        <v>434</v>
      </c>
      <c r="M172" s="2" t="s">
        <v>15</v>
      </c>
    </row>
    <row r="173" spans="1:13" x14ac:dyDescent="0.25">
      <c r="A173" s="2" t="s">
        <v>685</v>
      </c>
      <c r="B173" s="2" t="s">
        <v>20</v>
      </c>
      <c r="C173" s="2" t="s">
        <v>686</v>
      </c>
      <c r="D173" s="2" t="s">
        <v>687</v>
      </c>
      <c r="E173" s="2" t="s">
        <v>24</v>
      </c>
      <c r="F173" s="2" t="s">
        <v>25</v>
      </c>
      <c r="G173" s="2" t="s">
        <v>688</v>
      </c>
      <c r="H173" s="2" t="s">
        <v>19</v>
      </c>
      <c r="I173" s="3">
        <v>28730</v>
      </c>
      <c r="J173" s="3">
        <v>44784</v>
      </c>
      <c r="K173" s="2" t="s">
        <v>40</v>
      </c>
      <c r="L173" s="2" t="s">
        <v>434</v>
      </c>
      <c r="M173" s="2" t="s">
        <v>15</v>
      </c>
    </row>
    <row r="174" spans="1:13" x14ac:dyDescent="0.25">
      <c r="A174" s="2" t="s">
        <v>689</v>
      </c>
      <c r="B174" s="2" t="s">
        <v>13</v>
      </c>
      <c r="C174" s="2" t="s">
        <v>690</v>
      </c>
      <c r="D174" s="2" t="s">
        <v>691</v>
      </c>
      <c r="E174" s="2" t="s">
        <v>24</v>
      </c>
      <c r="F174" s="2" t="s">
        <v>25</v>
      </c>
      <c r="G174" s="2" t="s">
        <v>692</v>
      </c>
      <c r="H174" s="2" t="s">
        <v>14</v>
      </c>
      <c r="I174" s="3">
        <v>32966</v>
      </c>
      <c r="J174" s="3">
        <v>44795</v>
      </c>
      <c r="K174" s="2" t="s">
        <v>40</v>
      </c>
      <c r="L174" s="2" t="s">
        <v>310</v>
      </c>
      <c r="M174" s="2" t="s">
        <v>15</v>
      </c>
    </row>
    <row r="175" spans="1:13" x14ac:dyDescent="0.25">
      <c r="A175" s="2" t="s">
        <v>693</v>
      </c>
      <c r="B175" s="2" t="s">
        <v>13</v>
      </c>
      <c r="C175" s="2" t="s">
        <v>694</v>
      </c>
      <c r="D175" s="2" t="s">
        <v>695</v>
      </c>
      <c r="E175" s="2" t="s">
        <v>24</v>
      </c>
      <c r="F175" s="2" t="s">
        <v>25</v>
      </c>
      <c r="G175" s="2" t="s">
        <v>696</v>
      </c>
      <c r="H175" s="2" t="s">
        <v>14</v>
      </c>
      <c r="I175" s="3">
        <v>33686</v>
      </c>
      <c r="J175" s="3">
        <v>44774</v>
      </c>
      <c r="K175" s="2" t="s">
        <v>40</v>
      </c>
      <c r="L175" s="2" t="s">
        <v>97</v>
      </c>
      <c r="M175" s="2" t="s">
        <v>15</v>
      </c>
    </row>
    <row r="176" spans="1:13" x14ac:dyDescent="0.25">
      <c r="A176" s="2" t="s">
        <v>697</v>
      </c>
      <c r="B176" s="2" t="s">
        <v>20</v>
      </c>
      <c r="C176" s="2" t="s">
        <v>698</v>
      </c>
      <c r="D176" s="2" t="s">
        <v>95</v>
      </c>
      <c r="E176" s="2" t="s">
        <v>24</v>
      </c>
      <c r="F176" s="2" t="s">
        <v>25</v>
      </c>
      <c r="G176" s="2" t="s">
        <v>699</v>
      </c>
      <c r="H176" s="2" t="s">
        <v>19</v>
      </c>
      <c r="I176" s="3">
        <v>33241</v>
      </c>
      <c r="J176" s="3">
        <v>44769</v>
      </c>
      <c r="K176" s="2" t="s">
        <v>40</v>
      </c>
      <c r="L176" s="2" t="s">
        <v>97</v>
      </c>
      <c r="M176" s="2" t="s">
        <v>15</v>
      </c>
    </row>
    <row r="177" spans="1:13" x14ac:dyDescent="0.25">
      <c r="A177" s="2" t="s">
        <v>700</v>
      </c>
      <c r="B177" s="2" t="s">
        <v>20</v>
      </c>
      <c r="C177" s="2" t="s">
        <v>701</v>
      </c>
      <c r="D177" s="2" t="s">
        <v>95</v>
      </c>
      <c r="E177" s="2" t="s">
        <v>24</v>
      </c>
      <c r="F177" s="2" t="s">
        <v>25</v>
      </c>
      <c r="G177" s="2" t="s">
        <v>702</v>
      </c>
      <c r="H177" s="2" t="s">
        <v>19</v>
      </c>
      <c r="I177" s="3">
        <v>31268</v>
      </c>
      <c r="J177" s="3">
        <v>44776</v>
      </c>
      <c r="K177" s="2" t="s">
        <v>40</v>
      </c>
      <c r="L177" s="2" t="s">
        <v>97</v>
      </c>
      <c r="M177" s="2" t="s">
        <v>15</v>
      </c>
    </row>
    <row r="178" spans="1:13" x14ac:dyDescent="0.25">
      <c r="A178" s="2" t="s">
        <v>703</v>
      </c>
      <c r="B178" s="2" t="s">
        <v>13</v>
      </c>
      <c r="C178" s="2" t="s">
        <v>704</v>
      </c>
      <c r="D178" s="2" t="s">
        <v>38</v>
      </c>
      <c r="E178" s="2" t="s">
        <v>24</v>
      </c>
      <c r="F178" s="2" t="s">
        <v>25</v>
      </c>
      <c r="G178" s="2" t="s">
        <v>705</v>
      </c>
      <c r="H178" s="2" t="s">
        <v>14</v>
      </c>
      <c r="I178" s="3">
        <v>35167</v>
      </c>
      <c r="J178" s="3">
        <v>44788</v>
      </c>
      <c r="K178" s="2" t="s">
        <v>40</v>
      </c>
      <c r="L178" s="2" t="s">
        <v>41</v>
      </c>
      <c r="M178" s="2" t="s">
        <v>15</v>
      </c>
    </row>
    <row r="179" spans="1:13" x14ac:dyDescent="0.25">
      <c r="A179" s="2" t="s">
        <v>706</v>
      </c>
      <c r="B179" s="2" t="s">
        <v>13</v>
      </c>
      <c r="C179" s="2" t="s">
        <v>707</v>
      </c>
      <c r="D179" s="2" t="s">
        <v>708</v>
      </c>
      <c r="E179" s="2" t="s">
        <v>26</v>
      </c>
      <c r="F179" s="2" t="s">
        <v>27</v>
      </c>
      <c r="G179" s="2" t="s">
        <v>709</v>
      </c>
      <c r="H179" s="2" t="s">
        <v>14</v>
      </c>
      <c r="I179" s="3">
        <v>33088</v>
      </c>
      <c r="J179" s="3">
        <v>44755</v>
      </c>
      <c r="K179" s="2" t="s">
        <v>40</v>
      </c>
      <c r="L179" s="2" t="s">
        <v>97</v>
      </c>
      <c r="M179" s="2" t="s">
        <v>15</v>
      </c>
    </row>
    <row r="180" spans="1:13" x14ac:dyDescent="0.25">
      <c r="A180" s="2" t="s">
        <v>710</v>
      </c>
      <c r="B180" s="2" t="s">
        <v>18</v>
      </c>
      <c r="C180" s="2" t="s">
        <v>711</v>
      </c>
      <c r="D180" s="2" t="s">
        <v>712</v>
      </c>
      <c r="E180" s="2" t="s">
        <v>24</v>
      </c>
      <c r="F180" s="2" t="s">
        <v>25</v>
      </c>
      <c r="G180" s="2" t="s">
        <v>713</v>
      </c>
      <c r="H180" s="2" t="s">
        <v>19</v>
      </c>
      <c r="I180" s="3">
        <v>32719</v>
      </c>
      <c r="J180" s="3">
        <v>44784</v>
      </c>
      <c r="K180" s="2" t="s">
        <v>40</v>
      </c>
      <c r="L180" s="2" t="s">
        <v>51</v>
      </c>
      <c r="M180" s="2" t="s">
        <v>15</v>
      </c>
    </row>
    <row r="181" spans="1:13" x14ac:dyDescent="0.25">
      <c r="A181" s="2" t="s">
        <v>714</v>
      </c>
      <c r="B181" s="2" t="s">
        <v>18</v>
      </c>
      <c r="C181" s="2" t="s">
        <v>715</v>
      </c>
      <c r="D181" s="2" t="s">
        <v>716</v>
      </c>
      <c r="E181" s="2" t="s">
        <v>24</v>
      </c>
      <c r="F181" s="2" t="s">
        <v>25</v>
      </c>
      <c r="G181" s="2" t="s">
        <v>717</v>
      </c>
      <c r="H181" s="2" t="s">
        <v>19</v>
      </c>
      <c r="I181" s="3">
        <v>31872</v>
      </c>
      <c r="J181" s="3">
        <v>44785</v>
      </c>
      <c r="K181" s="2" t="s">
        <v>40</v>
      </c>
      <c r="L181" s="2" t="s">
        <v>51</v>
      </c>
      <c r="M181" s="2" t="s">
        <v>15</v>
      </c>
    </row>
    <row r="182" spans="1:13" x14ac:dyDescent="0.25">
      <c r="A182" s="2" t="s">
        <v>718</v>
      </c>
      <c r="B182" s="2" t="s">
        <v>13</v>
      </c>
      <c r="C182" s="2" t="s">
        <v>719</v>
      </c>
      <c r="D182" s="2" t="s">
        <v>196</v>
      </c>
      <c r="E182" s="2" t="s">
        <v>26</v>
      </c>
      <c r="F182" s="2" t="s">
        <v>27</v>
      </c>
      <c r="G182" s="2" t="s">
        <v>720</v>
      </c>
      <c r="H182" s="2" t="s">
        <v>14</v>
      </c>
      <c r="I182" s="3">
        <v>34587</v>
      </c>
      <c r="J182" s="3">
        <v>44775</v>
      </c>
      <c r="K182" s="2" t="s">
        <v>40</v>
      </c>
      <c r="L182" s="2" t="s">
        <v>51</v>
      </c>
      <c r="M182" s="2" t="s">
        <v>15</v>
      </c>
    </row>
    <row r="183" spans="1:13" x14ac:dyDescent="0.25">
      <c r="A183" s="2" t="s">
        <v>721</v>
      </c>
      <c r="B183" s="2" t="s">
        <v>13</v>
      </c>
      <c r="C183" s="2" t="s">
        <v>722</v>
      </c>
      <c r="D183" s="2" t="s">
        <v>716</v>
      </c>
      <c r="E183" s="2" t="s">
        <v>24</v>
      </c>
      <c r="F183" s="2" t="s">
        <v>25</v>
      </c>
      <c r="G183" s="2" t="s">
        <v>723</v>
      </c>
      <c r="H183" s="2" t="s">
        <v>14</v>
      </c>
      <c r="I183" s="3">
        <v>31290</v>
      </c>
      <c r="J183" s="3">
        <v>44788</v>
      </c>
      <c r="K183" s="2" t="s">
        <v>40</v>
      </c>
      <c r="L183" s="2" t="s">
        <v>51</v>
      </c>
      <c r="M183" s="2" t="s">
        <v>15</v>
      </c>
    </row>
    <row r="184" spans="1:13" x14ac:dyDescent="0.25">
      <c r="A184" s="2" t="s">
        <v>724</v>
      </c>
      <c r="B184" s="2" t="s">
        <v>20</v>
      </c>
      <c r="C184" s="2" t="s">
        <v>725</v>
      </c>
      <c r="D184" s="2" t="s">
        <v>196</v>
      </c>
      <c r="E184" s="2" t="s">
        <v>24</v>
      </c>
      <c r="F184" s="2" t="s">
        <v>25</v>
      </c>
      <c r="G184" s="2" t="s">
        <v>726</v>
      </c>
      <c r="H184" s="2" t="s">
        <v>19</v>
      </c>
      <c r="I184" s="3">
        <v>32676</v>
      </c>
      <c r="J184" s="3">
        <v>44745</v>
      </c>
      <c r="K184" s="2" t="s">
        <v>40</v>
      </c>
      <c r="L184" s="2" t="s">
        <v>51</v>
      </c>
      <c r="M184" s="2" t="s">
        <v>15</v>
      </c>
    </row>
    <row r="185" spans="1:13" x14ac:dyDescent="0.25">
      <c r="A185" s="2" t="s">
        <v>727</v>
      </c>
      <c r="B185" s="2" t="s">
        <v>18</v>
      </c>
      <c r="C185" s="2" t="s">
        <v>728</v>
      </c>
      <c r="D185" s="2" t="s">
        <v>38</v>
      </c>
      <c r="E185" s="2" t="s">
        <v>26</v>
      </c>
      <c r="F185" s="2" t="s">
        <v>27</v>
      </c>
      <c r="G185" s="2" t="s">
        <v>729</v>
      </c>
      <c r="H185" s="2" t="s">
        <v>19</v>
      </c>
      <c r="I185" s="3">
        <v>35560</v>
      </c>
      <c r="J185" s="3">
        <v>44754</v>
      </c>
      <c r="K185" s="2" t="s">
        <v>40</v>
      </c>
      <c r="L185" s="2" t="s">
        <v>41</v>
      </c>
      <c r="M185" s="2" t="s">
        <v>15</v>
      </c>
    </row>
    <row r="186" spans="1:13" x14ac:dyDescent="0.25">
      <c r="A186" s="2" t="s">
        <v>730</v>
      </c>
      <c r="B186" s="2" t="s">
        <v>13</v>
      </c>
      <c r="C186" s="2" t="s">
        <v>731</v>
      </c>
      <c r="D186" s="2" t="s">
        <v>732</v>
      </c>
      <c r="E186" s="2" t="s">
        <v>24</v>
      </c>
      <c r="F186" s="2" t="s">
        <v>25</v>
      </c>
      <c r="G186" s="2" t="s">
        <v>733</v>
      </c>
      <c r="H186" s="2" t="s">
        <v>14</v>
      </c>
      <c r="I186" s="3">
        <v>33143</v>
      </c>
      <c r="J186" s="3">
        <v>44743</v>
      </c>
      <c r="K186" s="2" t="s">
        <v>40</v>
      </c>
      <c r="L186" s="2" t="s">
        <v>51</v>
      </c>
      <c r="M186" s="2" t="s">
        <v>15</v>
      </c>
    </row>
    <row r="187" spans="1:13" x14ac:dyDescent="0.25">
      <c r="A187" s="2" t="s">
        <v>734</v>
      </c>
      <c r="B187" s="2" t="s">
        <v>13</v>
      </c>
      <c r="C187" s="2" t="s">
        <v>735</v>
      </c>
      <c r="D187" s="2" t="s">
        <v>141</v>
      </c>
      <c r="E187" s="2" t="s">
        <v>24</v>
      </c>
      <c r="F187" s="2" t="s">
        <v>25</v>
      </c>
      <c r="G187" s="2" t="s">
        <v>736</v>
      </c>
      <c r="H187" s="2" t="s">
        <v>14</v>
      </c>
      <c r="I187" s="3">
        <v>34507</v>
      </c>
      <c r="J187" s="3">
        <v>44768</v>
      </c>
      <c r="K187" s="2" t="s">
        <v>40</v>
      </c>
      <c r="L187" s="2" t="s">
        <v>143</v>
      </c>
      <c r="M187" s="2" t="s">
        <v>15</v>
      </c>
    </row>
    <row r="188" spans="1:13" x14ac:dyDescent="0.25">
      <c r="A188" s="2" t="s">
        <v>737</v>
      </c>
      <c r="B188" s="2" t="s">
        <v>18</v>
      </c>
      <c r="C188" s="2" t="s">
        <v>738</v>
      </c>
      <c r="D188" s="2" t="s">
        <v>116</v>
      </c>
      <c r="E188" s="2" t="s">
        <v>24</v>
      </c>
      <c r="F188" s="2" t="s">
        <v>25</v>
      </c>
      <c r="G188" s="2" t="s">
        <v>739</v>
      </c>
      <c r="H188" s="2" t="s">
        <v>19</v>
      </c>
      <c r="I188" s="3">
        <v>29570</v>
      </c>
      <c r="J188" s="3">
        <v>44774</v>
      </c>
      <c r="K188" s="2" t="s">
        <v>40</v>
      </c>
      <c r="L188" s="2" t="s">
        <v>51</v>
      </c>
      <c r="M188" s="2" t="s">
        <v>15</v>
      </c>
    </row>
    <row r="189" spans="1:13" x14ac:dyDescent="0.25">
      <c r="A189" s="2" t="s">
        <v>740</v>
      </c>
      <c r="B189" s="2" t="s">
        <v>18</v>
      </c>
      <c r="C189" s="2" t="s">
        <v>741</v>
      </c>
      <c r="D189" s="2" t="s">
        <v>742</v>
      </c>
      <c r="E189" s="2" t="s">
        <v>24</v>
      </c>
      <c r="F189" s="2" t="s">
        <v>25</v>
      </c>
      <c r="G189" s="2" t="s">
        <v>743</v>
      </c>
      <c r="H189" s="2" t="s">
        <v>19</v>
      </c>
      <c r="I189" s="3">
        <v>31086</v>
      </c>
      <c r="J189" s="3">
        <v>44781</v>
      </c>
      <c r="K189" s="2" t="s">
        <v>40</v>
      </c>
      <c r="L189" s="2" t="s">
        <v>51</v>
      </c>
      <c r="M189" s="2" t="s">
        <v>15</v>
      </c>
    </row>
    <row r="190" spans="1:13" x14ac:dyDescent="0.25">
      <c r="A190" s="2" t="s">
        <v>744</v>
      </c>
      <c r="B190" s="2" t="s">
        <v>18</v>
      </c>
      <c r="C190" s="2" t="s">
        <v>745</v>
      </c>
      <c r="D190" s="2" t="s">
        <v>408</v>
      </c>
      <c r="E190" s="2" t="s">
        <v>24</v>
      </c>
      <c r="F190" s="2" t="s">
        <v>25</v>
      </c>
      <c r="G190" s="2" t="s">
        <v>746</v>
      </c>
      <c r="H190" s="2" t="s">
        <v>19</v>
      </c>
      <c r="I190" s="3">
        <v>34623</v>
      </c>
      <c r="J190" s="3">
        <v>44774</v>
      </c>
      <c r="K190" s="2" t="s">
        <v>40</v>
      </c>
      <c r="L190" s="2" t="s">
        <v>61</v>
      </c>
      <c r="M190" s="2" t="s">
        <v>15</v>
      </c>
    </row>
    <row r="191" spans="1:13" x14ac:dyDescent="0.25">
      <c r="A191" s="2" t="s">
        <v>747</v>
      </c>
      <c r="B191" s="2" t="s">
        <v>18</v>
      </c>
      <c r="C191" s="2" t="s">
        <v>748</v>
      </c>
      <c r="D191" s="2" t="s">
        <v>749</v>
      </c>
      <c r="E191" s="2" t="s">
        <v>24</v>
      </c>
      <c r="F191" s="2" t="s">
        <v>25</v>
      </c>
      <c r="G191" s="2" t="s">
        <v>750</v>
      </c>
      <c r="H191" s="2" t="s">
        <v>19</v>
      </c>
      <c r="I191" s="3">
        <v>34959</v>
      </c>
      <c r="J191" s="3">
        <v>44784</v>
      </c>
      <c r="K191" s="2" t="s">
        <v>40</v>
      </c>
      <c r="L191" s="2" t="s">
        <v>61</v>
      </c>
      <c r="M191" s="2" t="s">
        <v>15</v>
      </c>
    </row>
    <row r="192" spans="1:13" x14ac:dyDescent="0.25">
      <c r="A192" s="2" t="s">
        <v>751</v>
      </c>
      <c r="B192" s="2" t="s">
        <v>18</v>
      </c>
      <c r="C192" s="2" t="s">
        <v>752</v>
      </c>
      <c r="D192" s="2" t="s">
        <v>753</v>
      </c>
      <c r="E192" s="2" t="s">
        <v>24</v>
      </c>
      <c r="F192" s="2" t="s">
        <v>25</v>
      </c>
      <c r="G192" s="2" t="s">
        <v>754</v>
      </c>
      <c r="H192" s="2" t="s">
        <v>19</v>
      </c>
      <c r="I192" s="3">
        <v>34821</v>
      </c>
      <c r="J192" s="3">
        <v>44769</v>
      </c>
      <c r="K192" s="2" t="s">
        <v>40</v>
      </c>
      <c r="L192" s="2" t="s">
        <v>148</v>
      </c>
      <c r="M192" s="2" t="s">
        <v>15</v>
      </c>
    </row>
    <row r="193" spans="1:13" x14ac:dyDescent="0.25">
      <c r="A193" s="2" t="s">
        <v>755</v>
      </c>
      <c r="B193" s="2" t="s">
        <v>18</v>
      </c>
      <c r="C193" s="2" t="s">
        <v>756</v>
      </c>
      <c r="D193" s="2" t="s">
        <v>496</v>
      </c>
      <c r="E193" s="2" t="s">
        <v>24</v>
      </c>
      <c r="F193" s="2" t="s">
        <v>25</v>
      </c>
      <c r="G193" s="2" t="s">
        <v>757</v>
      </c>
      <c r="H193" s="2" t="s">
        <v>19</v>
      </c>
      <c r="I193" s="3">
        <v>30915</v>
      </c>
      <c r="J193" s="3">
        <v>44782</v>
      </c>
      <c r="K193" s="2" t="s">
        <v>40</v>
      </c>
      <c r="L193" s="2" t="s">
        <v>61</v>
      </c>
      <c r="M193" s="2" t="s">
        <v>15</v>
      </c>
    </row>
    <row r="194" spans="1:13" x14ac:dyDescent="0.25">
      <c r="A194" s="2" t="s">
        <v>758</v>
      </c>
      <c r="B194" s="2" t="s">
        <v>13</v>
      </c>
      <c r="C194" s="2" t="s">
        <v>759</v>
      </c>
      <c r="D194" s="2" t="s">
        <v>91</v>
      </c>
      <c r="E194" s="2" t="s">
        <v>24</v>
      </c>
      <c r="F194" s="2" t="s">
        <v>25</v>
      </c>
      <c r="G194" s="2" t="s">
        <v>760</v>
      </c>
      <c r="H194" s="2" t="s">
        <v>14</v>
      </c>
      <c r="I194" s="3">
        <v>33673</v>
      </c>
      <c r="J194" s="3">
        <v>44760</v>
      </c>
      <c r="K194" s="2" t="s">
        <v>40</v>
      </c>
      <c r="L194" s="2" t="s">
        <v>51</v>
      </c>
      <c r="M194" s="2" t="s">
        <v>15</v>
      </c>
    </row>
    <row r="195" spans="1:13" x14ac:dyDescent="0.25">
      <c r="A195" s="2" t="s">
        <v>761</v>
      </c>
      <c r="B195" s="2" t="s">
        <v>13</v>
      </c>
      <c r="C195" s="2" t="s">
        <v>762</v>
      </c>
      <c r="D195" s="2" t="s">
        <v>91</v>
      </c>
      <c r="E195" s="2" t="s">
        <v>24</v>
      </c>
      <c r="F195" s="2" t="s">
        <v>25</v>
      </c>
      <c r="G195" s="2" t="s">
        <v>763</v>
      </c>
      <c r="H195" s="2" t="s">
        <v>14</v>
      </c>
      <c r="I195" s="3">
        <v>34901</v>
      </c>
      <c r="J195" s="3">
        <v>44781</v>
      </c>
      <c r="K195" s="2" t="s">
        <v>40</v>
      </c>
      <c r="L195" s="2" t="s">
        <v>51</v>
      </c>
      <c r="M195" s="2" t="s">
        <v>15</v>
      </c>
    </row>
    <row r="196" spans="1:13" x14ac:dyDescent="0.25">
      <c r="A196" s="2" t="s">
        <v>764</v>
      </c>
      <c r="B196" s="2" t="s">
        <v>18</v>
      </c>
      <c r="C196" s="2" t="s">
        <v>765</v>
      </c>
      <c r="D196" s="2" t="s">
        <v>91</v>
      </c>
      <c r="E196" s="2" t="s">
        <v>24</v>
      </c>
      <c r="F196" s="2" t="s">
        <v>25</v>
      </c>
      <c r="G196" s="2" t="s">
        <v>766</v>
      </c>
      <c r="H196" s="2" t="s">
        <v>19</v>
      </c>
      <c r="I196" s="3">
        <v>34104</v>
      </c>
      <c r="J196" s="3">
        <v>44760</v>
      </c>
      <c r="K196" s="2" t="s">
        <v>40</v>
      </c>
      <c r="L196" s="2" t="s">
        <v>51</v>
      </c>
      <c r="M196" s="2" t="s">
        <v>15</v>
      </c>
    </row>
    <row r="197" spans="1:13" x14ac:dyDescent="0.25">
      <c r="A197" s="2" t="s">
        <v>767</v>
      </c>
      <c r="B197" s="2" t="s">
        <v>13</v>
      </c>
      <c r="C197" s="2" t="s">
        <v>768</v>
      </c>
      <c r="D197" s="2" t="s">
        <v>124</v>
      </c>
      <c r="E197" s="2" t="s">
        <v>26</v>
      </c>
      <c r="F197" s="2" t="s">
        <v>27</v>
      </c>
      <c r="G197" s="2" t="s">
        <v>769</v>
      </c>
      <c r="H197" s="2" t="s">
        <v>14</v>
      </c>
      <c r="I197" s="3">
        <v>33482</v>
      </c>
      <c r="J197" s="3">
        <v>44762</v>
      </c>
      <c r="K197" s="2" t="s">
        <v>40</v>
      </c>
      <c r="L197" s="2" t="s">
        <v>51</v>
      </c>
      <c r="M197" s="2" t="s">
        <v>15</v>
      </c>
    </row>
    <row r="198" spans="1:13" x14ac:dyDescent="0.25">
      <c r="A198" s="2" t="s">
        <v>770</v>
      </c>
      <c r="B198" s="2" t="s">
        <v>20</v>
      </c>
      <c r="C198" s="2" t="s">
        <v>771</v>
      </c>
      <c r="D198" s="2" t="s">
        <v>772</v>
      </c>
      <c r="E198" s="2" t="s">
        <v>773</v>
      </c>
      <c r="F198" s="2" t="s">
        <v>32</v>
      </c>
      <c r="G198" s="2" t="s">
        <v>774</v>
      </c>
      <c r="H198" s="2" t="s">
        <v>19</v>
      </c>
      <c r="I198" s="3">
        <v>33285</v>
      </c>
      <c r="J198" s="3">
        <v>44858</v>
      </c>
      <c r="K198" s="2" t="s">
        <v>40</v>
      </c>
      <c r="L198" s="2" t="s">
        <v>434</v>
      </c>
      <c r="M198" s="2" t="s">
        <v>15</v>
      </c>
    </row>
    <row r="199" spans="1:13" x14ac:dyDescent="0.25">
      <c r="A199" s="2" t="s">
        <v>775</v>
      </c>
      <c r="B199" s="2" t="s">
        <v>13</v>
      </c>
      <c r="C199" s="2" t="s">
        <v>776</v>
      </c>
      <c r="D199" s="2" t="s">
        <v>116</v>
      </c>
      <c r="E199" s="2" t="s">
        <v>26</v>
      </c>
      <c r="F199" s="2" t="s">
        <v>27</v>
      </c>
      <c r="G199" s="2" t="s">
        <v>777</v>
      </c>
      <c r="H199" s="2" t="s">
        <v>14</v>
      </c>
      <c r="I199" s="3">
        <v>35335</v>
      </c>
      <c r="J199" s="3">
        <v>44713</v>
      </c>
      <c r="K199" s="2" t="s">
        <v>40</v>
      </c>
      <c r="L199" s="2" t="s">
        <v>51</v>
      </c>
      <c r="M199" s="2" t="s">
        <v>15</v>
      </c>
    </row>
    <row r="200" spans="1:13" x14ac:dyDescent="0.25">
      <c r="A200" s="2" t="s">
        <v>778</v>
      </c>
      <c r="B200" s="2" t="s">
        <v>13</v>
      </c>
      <c r="C200" s="2" t="s">
        <v>779</v>
      </c>
      <c r="D200" s="2" t="s">
        <v>780</v>
      </c>
      <c r="E200" s="2" t="s">
        <v>33</v>
      </c>
      <c r="F200" s="2" t="s">
        <v>25</v>
      </c>
      <c r="G200" s="2" t="s">
        <v>781</v>
      </c>
      <c r="H200" s="2" t="s">
        <v>14</v>
      </c>
      <c r="I200" s="3">
        <v>33945</v>
      </c>
      <c r="J200" s="3">
        <v>44832</v>
      </c>
      <c r="K200" s="2" t="s">
        <v>40</v>
      </c>
      <c r="L200" s="2" t="s">
        <v>41</v>
      </c>
      <c r="M200" s="2" t="s">
        <v>15</v>
      </c>
    </row>
    <row r="201" spans="1:13" x14ac:dyDescent="0.25">
      <c r="A201" s="2" t="s">
        <v>782</v>
      </c>
      <c r="B201" s="2" t="s">
        <v>18</v>
      </c>
      <c r="C201" s="2" t="s">
        <v>783</v>
      </c>
      <c r="D201" s="2" t="s">
        <v>196</v>
      </c>
      <c r="E201" s="2" t="s">
        <v>24</v>
      </c>
      <c r="F201" s="2" t="s">
        <v>25</v>
      </c>
      <c r="G201" s="2" t="s">
        <v>784</v>
      </c>
      <c r="H201" s="2" t="s">
        <v>19</v>
      </c>
      <c r="I201" s="3">
        <v>33351</v>
      </c>
      <c r="J201" s="3">
        <v>44769</v>
      </c>
      <c r="K201" s="2" t="s">
        <v>40</v>
      </c>
      <c r="L201" s="2" t="s">
        <v>51</v>
      </c>
      <c r="M201" s="2" t="s">
        <v>15</v>
      </c>
    </row>
    <row r="202" spans="1:13" x14ac:dyDescent="0.25">
      <c r="A202" s="2" t="s">
        <v>785</v>
      </c>
      <c r="B202" s="2" t="s">
        <v>20</v>
      </c>
      <c r="C202" s="2" t="s">
        <v>786</v>
      </c>
      <c r="D202" s="2" t="s">
        <v>245</v>
      </c>
      <c r="E202" s="2" t="s">
        <v>26</v>
      </c>
      <c r="F202" s="2" t="s">
        <v>27</v>
      </c>
      <c r="G202" s="2" t="s">
        <v>787</v>
      </c>
      <c r="H202" s="2" t="s">
        <v>19</v>
      </c>
      <c r="I202" s="3">
        <v>30985</v>
      </c>
      <c r="J202" s="3">
        <v>44769</v>
      </c>
      <c r="K202" s="2" t="s">
        <v>40</v>
      </c>
      <c r="L202" s="2" t="s">
        <v>212</v>
      </c>
      <c r="M202" s="2" t="s">
        <v>15</v>
      </c>
    </row>
    <row r="203" spans="1:13" x14ac:dyDescent="0.25">
      <c r="A203" s="2" t="s">
        <v>788</v>
      </c>
      <c r="B203" s="2" t="s">
        <v>18</v>
      </c>
      <c r="C203" s="2" t="s">
        <v>789</v>
      </c>
      <c r="D203" s="2" t="s">
        <v>192</v>
      </c>
      <c r="E203" s="2" t="s">
        <v>24</v>
      </c>
      <c r="F203" s="2" t="s">
        <v>25</v>
      </c>
      <c r="G203" s="2" t="s">
        <v>790</v>
      </c>
      <c r="H203" s="2" t="s">
        <v>19</v>
      </c>
      <c r="I203" s="3">
        <v>33968</v>
      </c>
      <c r="J203" s="3">
        <v>44768</v>
      </c>
      <c r="K203" s="2" t="s">
        <v>40</v>
      </c>
      <c r="L203" s="2" t="s">
        <v>61</v>
      </c>
      <c r="M203" s="2" t="s">
        <v>15</v>
      </c>
    </row>
    <row r="204" spans="1:13" x14ac:dyDescent="0.25">
      <c r="A204" s="2" t="s">
        <v>791</v>
      </c>
      <c r="B204" s="2" t="s">
        <v>18</v>
      </c>
      <c r="C204" s="2" t="s">
        <v>792</v>
      </c>
      <c r="D204" s="2" t="s">
        <v>793</v>
      </c>
      <c r="E204" s="2" t="s">
        <v>24</v>
      </c>
      <c r="F204" s="2" t="s">
        <v>25</v>
      </c>
      <c r="G204" s="2" t="s">
        <v>794</v>
      </c>
      <c r="H204" s="2" t="s">
        <v>19</v>
      </c>
      <c r="I204" s="3">
        <v>32140</v>
      </c>
      <c r="J204" s="3">
        <v>44770</v>
      </c>
      <c r="K204" s="2" t="s">
        <v>40</v>
      </c>
      <c r="L204" s="2" t="s">
        <v>61</v>
      </c>
      <c r="M204" s="2" t="s">
        <v>15</v>
      </c>
    </row>
    <row r="205" spans="1:13" x14ac:dyDescent="0.25">
      <c r="A205" s="2" t="s">
        <v>795</v>
      </c>
      <c r="B205" s="2" t="s">
        <v>13</v>
      </c>
      <c r="C205" s="2" t="s">
        <v>796</v>
      </c>
      <c r="D205" s="2" t="s">
        <v>274</v>
      </c>
      <c r="E205" s="2" t="s">
        <v>24</v>
      </c>
      <c r="F205" s="2" t="s">
        <v>25</v>
      </c>
      <c r="G205" s="2" t="s">
        <v>797</v>
      </c>
      <c r="H205" s="2" t="s">
        <v>14</v>
      </c>
      <c r="I205" s="3">
        <v>32383</v>
      </c>
      <c r="J205" s="3">
        <v>44900</v>
      </c>
      <c r="K205" s="2" t="s">
        <v>40</v>
      </c>
      <c r="L205" s="2" t="s">
        <v>51</v>
      </c>
      <c r="M205" s="2" t="s">
        <v>15</v>
      </c>
    </row>
    <row r="206" spans="1:13" x14ac:dyDescent="0.25">
      <c r="A206" s="2" t="s">
        <v>798</v>
      </c>
      <c r="B206" s="2" t="s">
        <v>13</v>
      </c>
      <c r="C206" s="2" t="s">
        <v>799</v>
      </c>
      <c r="D206" s="2" t="s">
        <v>800</v>
      </c>
      <c r="E206" s="2" t="s">
        <v>24</v>
      </c>
      <c r="F206" s="2" t="s">
        <v>25</v>
      </c>
      <c r="G206" s="2" t="s">
        <v>801</v>
      </c>
      <c r="H206" s="2" t="s">
        <v>14</v>
      </c>
      <c r="I206" s="3">
        <v>31339</v>
      </c>
      <c r="J206" s="3">
        <v>44763</v>
      </c>
      <c r="K206" s="2" t="s">
        <v>40</v>
      </c>
      <c r="L206" s="2" t="s">
        <v>51</v>
      </c>
      <c r="M206" s="2" t="s">
        <v>15</v>
      </c>
    </row>
    <row r="207" spans="1:13" x14ac:dyDescent="0.25">
      <c r="A207" s="2" t="s">
        <v>802</v>
      </c>
      <c r="B207" s="2" t="s">
        <v>13</v>
      </c>
      <c r="C207" s="2" t="s">
        <v>803</v>
      </c>
      <c r="D207" s="2" t="s">
        <v>196</v>
      </c>
      <c r="E207" s="2" t="s">
        <v>24</v>
      </c>
      <c r="F207" s="2" t="s">
        <v>25</v>
      </c>
      <c r="G207" s="2" t="s">
        <v>804</v>
      </c>
      <c r="H207" s="2" t="s">
        <v>14</v>
      </c>
      <c r="I207" s="3">
        <v>34602</v>
      </c>
      <c r="J207" s="3">
        <v>44760</v>
      </c>
      <c r="K207" s="2" t="s">
        <v>40</v>
      </c>
      <c r="L207" s="2" t="s">
        <v>51</v>
      </c>
      <c r="M207" s="2" t="s">
        <v>15</v>
      </c>
    </row>
    <row r="208" spans="1:13" x14ac:dyDescent="0.25">
      <c r="A208" s="2" t="s">
        <v>805</v>
      </c>
      <c r="B208" s="2" t="s">
        <v>18</v>
      </c>
      <c r="C208" s="2" t="s">
        <v>806</v>
      </c>
      <c r="D208" s="2" t="s">
        <v>196</v>
      </c>
      <c r="E208" s="2" t="s">
        <v>24</v>
      </c>
      <c r="F208" s="2" t="s">
        <v>25</v>
      </c>
      <c r="G208" s="2" t="s">
        <v>807</v>
      </c>
      <c r="H208" s="2" t="s">
        <v>19</v>
      </c>
      <c r="I208" s="3">
        <v>35246</v>
      </c>
      <c r="J208" s="3">
        <v>44768</v>
      </c>
      <c r="K208" s="2" t="s">
        <v>40</v>
      </c>
      <c r="L208" s="2" t="s">
        <v>51</v>
      </c>
      <c r="M208" s="2" t="s">
        <v>15</v>
      </c>
    </row>
    <row r="209" spans="1:13" x14ac:dyDescent="0.25">
      <c r="A209" s="2" t="s">
        <v>808</v>
      </c>
      <c r="B209" s="2" t="s">
        <v>13</v>
      </c>
      <c r="C209" s="2" t="s">
        <v>809</v>
      </c>
      <c r="D209" s="2" t="s">
        <v>196</v>
      </c>
      <c r="E209" s="2" t="s">
        <v>24</v>
      </c>
      <c r="F209" s="2" t="s">
        <v>25</v>
      </c>
      <c r="G209" s="2" t="s">
        <v>810</v>
      </c>
      <c r="H209" s="2" t="s">
        <v>14</v>
      </c>
      <c r="I209" s="3">
        <v>32752</v>
      </c>
      <c r="J209" s="3">
        <v>44768</v>
      </c>
      <c r="K209" s="2" t="s">
        <v>40</v>
      </c>
      <c r="L209" s="2" t="s">
        <v>51</v>
      </c>
      <c r="M209" s="2" t="s">
        <v>15</v>
      </c>
    </row>
    <row r="210" spans="1:13" x14ac:dyDescent="0.25">
      <c r="A210" s="2" t="s">
        <v>811</v>
      </c>
      <c r="B210" s="2" t="s">
        <v>18</v>
      </c>
      <c r="C210" s="2" t="s">
        <v>812</v>
      </c>
      <c r="D210" s="2" t="s">
        <v>813</v>
      </c>
      <c r="E210" s="2" t="s">
        <v>24</v>
      </c>
      <c r="F210" s="2" t="s">
        <v>25</v>
      </c>
      <c r="G210" s="2" t="s">
        <v>814</v>
      </c>
      <c r="H210" s="2" t="s">
        <v>19</v>
      </c>
      <c r="I210" s="3">
        <v>34041</v>
      </c>
      <c r="J210" s="3">
        <v>44760</v>
      </c>
      <c r="K210" s="2" t="s">
        <v>40</v>
      </c>
      <c r="L210" s="2" t="s">
        <v>255</v>
      </c>
      <c r="M210" s="2" t="s">
        <v>15</v>
      </c>
    </row>
    <row r="211" spans="1:13" x14ac:dyDescent="0.25">
      <c r="A211" s="2" t="s">
        <v>815</v>
      </c>
      <c r="B211" s="2" t="s">
        <v>13</v>
      </c>
      <c r="C211" s="2" t="s">
        <v>816</v>
      </c>
      <c r="D211" s="2" t="s">
        <v>817</v>
      </c>
      <c r="E211" s="2" t="s">
        <v>24</v>
      </c>
      <c r="F211" s="2" t="s">
        <v>25</v>
      </c>
      <c r="G211" s="2" t="s">
        <v>818</v>
      </c>
      <c r="H211" s="2" t="s">
        <v>14</v>
      </c>
      <c r="I211" s="3">
        <v>31990</v>
      </c>
      <c r="J211" s="3">
        <v>44713</v>
      </c>
      <c r="K211" s="2" t="s">
        <v>40</v>
      </c>
      <c r="L211" s="2" t="s">
        <v>51</v>
      </c>
      <c r="M211" s="2" t="s">
        <v>15</v>
      </c>
    </row>
    <row r="212" spans="1:13" x14ac:dyDescent="0.25">
      <c r="A212" s="2" t="s">
        <v>819</v>
      </c>
      <c r="B212" s="2" t="s">
        <v>13</v>
      </c>
      <c r="C212" s="2" t="s">
        <v>820</v>
      </c>
      <c r="D212" s="2" t="s">
        <v>124</v>
      </c>
      <c r="E212" s="2" t="s">
        <v>24</v>
      </c>
      <c r="F212" s="2" t="s">
        <v>25</v>
      </c>
      <c r="G212" s="2" t="s">
        <v>821</v>
      </c>
      <c r="H212" s="2" t="s">
        <v>14</v>
      </c>
      <c r="I212" s="3">
        <v>34617</v>
      </c>
      <c r="J212" s="3">
        <v>44713</v>
      </c>
      <c r="K212" s="2" t="s">
        <v>40</v>
      </c>
      <c r="L212" s="2" t="s">
        <v>51</v>
      </c>
      <c r="M212" s="2" t="s">
        <v>15</v>
      </c>
    </row>
    <row r="213" spans="1:13" x14ac:dyDescent="0.25">
      <c r="A213" s="2" t="s">
        <v>822</v>
      </c>
      <c r="B213" s="2" t="s">
        <v>13</v>
      </c>
      <c r="C213" s="2" t="s">
        <v>823</v>
      </c>
      <c r="D213" s="2" t="s">
        <v>116</v>
      </c>
      <c r="E213" s="2" t="s">
        <v>26</v>
      </c>
      <c r="F213" s="2" t="s">
        <v>27</v>
      </c>
      <c r="G213" s="2" t="s">
        <v>824</v>
      </c>
      <c r="H213" s="2" t="s">
        <v>14</v>
      </c>
      <c r="I213" s="3">
        <v>34096</v>
      </c>
      <c r="J213" s="3">
        <v>44716</v>
      </c>
      <c r="K213" s="2" t="s">
        <v>40</v>
      </c>
      <c r="L213" s="2" t="s">
        <v>51</v>
      </c>
      <c r="M213" s="2" t="s">
        <v>15</v>
      </c>
    </row>
    <row r="214" spans="1:13" x14ac:dyDescent="0.25">
      <c r="A214" s="2" t="s">
        <v>825</v>
      </c>
      <c r="B214" s="2" t="s">
        <v>13</v>
      </c>
      <c r="C214" s="2" t="s">
        <v>826</v>
      </c>
      <c r="D214" s="2" t="s">
        <v>544</v>
      </c>
      <c r="E214" s="2" t="s">
        <v>26</v>
      </c>
      <c r="F214" s="2" t="s">
        <v>27</v>
      </c>
      <c r="G214" s="2" t="s">
        <v>827</v>
      </c>
      <c r="H214" s="2" t="s">
        <v>14</v>
      </c>
      <c r="I214" s="3">
        <v>32231</v>
      </c>
      <c r="J214" s="3">
        <v>44838</v>
      </c>
      <c r="K214" s="2" t="s">
        <v>40</v>
      </c>
      <c r="L214" s="2" t="s">
        <v>148</v>
      </c>
      <c r="M214" s="2" t="s">
        <v>15</v>
      </c>
    </row>
    <row r="215" spans="1:13" x14ac:dyDescent="0.25">
      <c r="A215" s="2" t="s">
        <v>828</v>
      </c>
      <c r="B215" s="2" t="s">
        <v>13</v>
      </c>
      <c r="C215" s="2" t="s">
        <v>829</v>
      </c>
      <c r="D215" s="2" t="s">
        <v>695</v>
      </c>
      <c r="E215" s="2" t="s">
        <v>24</v>
      </c>
      <c r="F215" s="2" t="s">
        <v>25</v>
      </c>
      <c r="G215" s="2" t="s">
        <v>830</v>
      </c>
      <c r="H215" s="2" t="s">
        <v>14</v>
      </c>
      <c r="I215" s="3">
        <v>33812</v>
      </c>
      <c r="J215" s="3">
        <v>44791</v>
      </c>
      <c r="K215" s="2" t="s">
        <v>40</v>
      </c>
      <c r="L215" s="2" t="s">
        <v>97</v>
      </c>
      <c r="M215" s="2" t="s">
        <v>15</v>
      </c>
    </row>
    <row r="216" spans="1:13" x14ac:dyDescent="0.25">
      <c r="A216" s="2" t="s">
        <v>831</v>
      </c>
      <c r="B216" s="2" t="s">
        <v>13</v>
      </c>
      <c r="C216" s="2" t="s">
        <v>832</v>
      </c>
      <c r="D216" s="2" t="s">
        <v>330</v>
      </c>
      <c r="E216" s="2" t="s">
        <v>26</v>
      </c>
      <c r="F216" s="2" t="s">
        <v>27</v>
      </c>
      <c r="G216" s="2" t="s">
        <v>833</v>
      </c>
      <c r="H216" s="2" t="s">
        <v>14</v>
      </c>
      <c r="I216" s="3">
        <v>32973</v>
      </c>
      <c r="J216" s="3">
        <v>44775</v>
      </c>
      <c r="K216" s="2" t="s">
        <v>40</v>
      </c>
      <c r="L216" s="2" t="s">
        <v>332</v>
      </c>
      <c r="M216" s="2" t="s">
        <v>15</v>
      </c>
    </row>
    <row r="217" spans="1:13" x14ac:dyDescent="0.25">
      <c r="A217" s="2" t="s">
        <v>834</v>
      </c>
      <c r="B217" s="2" t="s">
        <v>18</v>
      </c>
      <c r="C217" s="2" t="s">
        <v>835</v>
      </c>
      <c r="D217" s="2" t="s">
        <v>330</v>
      </c>
      <c r="E217" s="2" t="s">
        <v>24</v>
      </c>
      <c r="F217" s="2" t="s">
        <v>25</v>
      </c>
      <c r="G217" s="2" t="s">
        <v>836</v>
      </c>
      <c r="H217" s="2" t="s">
        <v>19</v>
      </c>
      <c r="I217" s="3">
        <v>32620</v>
      </c>
      <c r="J217" s="3">
        <v>44799</v>
      </c>
      <c r="K217" s="2" t="s">
        <v>40</v>
      </c>
      <c r="L217" s="2" t="s">
        <v>332</v>
      </c>
      <c r="M217" s="2" t="s">
        <v>15</v>
      </c>
    </row>
    <row r="218" spans="1:13" x14ac:dyDescent="0.25">
      <c r="A218" s="2" t="s">
        <v>837</v>
      </c>
      <c r="B218" s="2" t="s">
        <v>13</v>
      </c>
      <c r="C218" s="2" t="s">
        <v>838</v>
      </c>
      <c r="D218" s="2" t="s">
        <v>839</v>
      </c>
      <c r="E218" s="2" t="s">
        <v>26</v>
      </c>
      <c r="F218" s="2" t="s">
        <v>27</v>
      </c>
      <c r="G218" s="2" t="s">
        <v>840</v>
      </c>
      <c r="H218" s="2" t="s">
        <v>14</v>
      </c>
      <c r="I218" s="3">
        <v>32251</v>
      </c>
      <c r="J218" s="3">
        <v>44788</v>
      </c>
      <c r="K218" s="2" t="s">
        <v>40</v>
      </c>
      <c r="L218" s="2" t="s">
        <v>41</v>
      </c>
      <c r="M218" s="2" t="s">
        <v>15</v>
      </c>
    </row>
    <row r="219" spans="1:13" x14ac:dyDescent="0.25">
      <c r="A219" s="2" t="s">
        <v>841</v>
      </c>
      <c r="B219" s="2" t="s">
        <v>13</v>
      </c>
      <c r="C219" s="2" t="s">
        <v>842</v>
      </c>
      <c r="D219" s="2" t="s">
        <v>843</v>
      </c>
      <c r="E219" s="2" t="s">
        <v>30</v>
      </c>
      <c r="F219" s="2" t="s">
        <v>25</v>
      </c>
      <c r="H219" s="2" t="s">
        <v>14</v>
      </c>
      <c r="I219" s="3">
        <v>35740</v>
      </c>
      <c r="J219" s="3">
        <v>44841</v>
      </c>
      <c r="K219" s="2" t="s">
        <v>40</v>
      </c>
      <c r="L219" s="2" t="s">
        <v>844</v>
      </c>
      <c r="M219" s="2" t="s">
        <v>15</v>
      </c>
    </row>
    <row r="220" spans="1:13" x14ac:dyDescent="0.25">
      <c r="A220" s="2" t="s">
        <v>845</v>
      </c>
      <c r="B220" s="2" t="s">
        <v>20</v>
      </c>
      <c r="C220" s="2" t="s">
        <v>846</v>
      </c>
      <c r="D220" s="2" t="s">
        <v>274</v>
      </c>
      <c r="E220" s="2" t="s">
        <v>26</v>
      </c>
      <c r="F220" s="2" t="s">
        <v>27</v>
      </c>
      <c r="G220" s="2" t="s">
        <v>847</v>
      </c>
      <c r="H220" s="2" t="s">
        <v>19</v>
      </c>
      <c r="I220" s="3">
        <v>30796</v>
      </c>
      <c r="J220" s="3">
        <v>44775</v>
      </c>
      <c r="K220" s="2" t="s">
        <v>40</v>
      </c>
      <c r="L220" s="2" t="s">
        <v>51</v>
      </c>
      <c r="M220" s="2" t="s">
        <v>15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greater accr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3</dc:creator>
  <cp:lastModifiedBy>i3</cp:lastModifiedBy>
  <dcterms:created xsi:type="dcterms:W3CDTF">2022-12-12T16:08:15Z</dcterms:created>
  <dcterms:modified xsi:type="dcterms:W3CDTF">2022-12-12T17:45:15Z</dcterms:modified>
</cp:coreProperties>
</file>